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22"/>
  </p:notesMasterIdLst>
  <p:handoutMasterIdLst>
    <p:handoutMasterId r:id="rId23"/>
  </p:handoutMasterIdLst>
  <p:sldIdLst>
    <p:sldId id="256" r:id="rId8"/>
    <p:sldId id="260" r:id="rId9"/>
    <p:sldId id="278" r:id="rId10"/>
    <p:sldId id="284" r:id="rId11"/>
    <p:sldId id="276" r:id="rId12"/>
    <p:sldId id="297" r:id="rId13"/>
    <p:sldId id="298" r:id="rId14"/>
    <p:sldId id="287" r:id="rId15"/>
    <p:sldId id="277" r:id="rId16"/>
    <p:sldId id="289" r:id="rId17"/>
    <p:sldId id="293" r:id="rId18"/>
    <p:sldId id="294" r:id="rId19"/>
    <p:sldId id="295" r:id="rId20"/>
    <p:sldId id="296" r:id="rId21"/>
  </p:sldIdLst>
  <p:sldSz cx="12190413" cy="6858000"/>
  <p:notesSz cx="6858000" cy="9144000"/>
  <p:custDataLst>
    <p:tags r:id="rId24"/>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6600"/>
    <a:srgbClr val="2F3EEA"/>
    <a:srgbClr val="FF0099"/>
    <a:srgbClr val="FF0000"/>
    <a:srgbClr val="FFFFFF"/>
    <a:srgbClr val="990000"/>
    <a:srgbClr val="000000"/>
    <a:srgbClr val="FFCC00"/>
    <a:srgbClr val="CC3399"/>
    <a:srgbClr val="66006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BBDCB0A-FAE8-4C81-BE5E-0ECAE5B97C1D}" v="89" dt="2022-08-30T14:09:21.92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D113A9D2-9D6B-4929-AA2D-F23B5EE8CBE7}" styleName="Themed Style 2 - Accent 1">
    <a:tblBg>
      <a:fillRef idx="3">
        <a:schemeClr val="accent1"/>
      </a:fillRef>
      <a:effectRef idx="3">
        <a:schemeClr val="accent1"/>
      </a:effectRef>
    </a:tblBg>
    <a:wholeTbl>
      <a:tcTxStyle>
        <a:fontRef idx="minor">
          <a:scrgbClr r="0" g="0" b="0"/>
        </a:fontRef>
        <a:schemeClr val="lt1"/>
      </a:tcTxStyle>
      <a:tcStyle>
        <a:tcBdr>
          <a:left>
            <a:lnRef idx="1">
              <a:schemeClr val="accent1">
                <a:tint val="50000"/>
              </a:schemeClr>
            </a:lnRef>
          </a:left>
          <a:right>
            <a:lnRef idx="1">
              <a:schemeClr val="accent1">
                <a:tint val="50000"/>
              </a:schemeClr>
            </a:lnRef>
          </a:right>
          <a:top>
            <a:lnRef idx="1">
              <a:schemeClr val="accent1">
                <a:tint val="50000"/>
              </a:schemeClr>
            </a:lnRef>
          </a:top>
          <a:bottom>
            <a:lnRef idx="1">
              <a:schemeClr val="accent1">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 styleId="{35758FB7-9AC5-4552-8A53-C91805E547FA}" styleName="Themed Style 1 - Accent 5">
    <a:tblBg>
      <a:fillRef idx="2">
        <a:schemeClr val="accent5"/>
      </a:fillRef>
      <a:effectRef idx="1">
        <a:schemeClr val="accent5"/>
      </a:effectRef>
    </a:tblBg>
    <a:wholeTbl>
      <a:tcTxStyle>
        <a:fontRef idx="minor">
          <a:scrgbClr r="0" g="0" b="0"/>
        </a:fontRef>
        <a:schemeClr val="dk1"/>
      </a:tcTxStyle>
      <a:tcStyle>
        <a:tcBdr>
          <a:left>
            <a:lnRef idx="1">
              <a:schemeClr val="accent5"/>
            </a:lnRef>
          </a:left>
          <a:right>
            <a:lnRef idx="1">
              <a:schemeClr val="accent5"/>
            </a:lnRef>
          </a:right>
          <a:top>
            <a:lnRef idx="1">
              <a:schemeClr val="accent5"/>
            </a:lnRef>
          </a:top>
          <a:bottom>
            <a:lnRef idx="1">
              <a:schemeClr val="accent5"/>
            </a:lnRef>
          </a:bottom>
          <a:insideH>
            <a:lnRef idx="1">
              <a:schemeClr val="accent5"/>
            </a:lnRef>
          </a:insideH>
          <a:insideV>
            <a:lnRef idx="1">
              <a:schemeClr val="accent5"/>
            </a:lnRef>
          </a:insideV>
        </a:tcBdr>
        <a:fill>
          <a:noFill/>
        </a:fill>
      </a:tcStyle>
    </a:wholeTbl>
    <a:band1H>
      <a:tcStyle>
        <a:tcBdr/>
        <a:fill>
          <a:solidFill>
            <a:schemeClr val="accent5">
              <a:alpha val="40000"/>
            </a:schemeClr>
          </a:solidFill>
        </a:fill>
      </a:tcStyle>
    </a:band1H>
    <a:band2H>
      <a:tcStyle>
        <a:tcBdr/>
      </a:tcStyle>
    </a:band2H>
    <a:band1V>
      <a:tcStyle>
        <a:tcBdr>
          <a:top>
            <a:lnRef idx="1">
              <a:schemeClr val="accent5"/>
            </a:lnRef>
          </a:top>
          <a:bottom>
            <a:lnRef idx="1">
              <a:schemeClr val="accent5"/>
            </a:lnRef>
          </a:bottom>
        </a:tcBdr>
        <a:fill>
          <a:solidFill>
            <a:schemeClr val="accent5">
              <a:alpha val="40000"/>
            </a:schemeClr>
          </a:solidFill>
        </a:fill>
      </a:tcStyle>
    </a:band1V>
    <a:band2V>
      <a:tcStyle>
        <a:tcBdr/>
      </a:tcStyle>
    </a:band2V>
    <a:lastCol>
      <a:tcTxStyle b="on"/>
      <a:tcStyle>
        <a:tcBdr>
          <a:left>
            <a:lnRef idx="2">
              <a:schemeClr val="accent5"/>
            </a:lnRef>
          </a:left>
          <a:right>
            <a:lnRef idx="1">
              <a:schemeClr val="accent5"/>
            </a:lnRef>
          </a:right>
          <a:top>
            <a:lnRef idx="1">
              <a:schemeClr val="accent5"/>
            </a:lnRef>
          </a:top>
          <a:bottom>
            <a:lnRef idx="1">
              <a:schemeClr val="accent5"/>
            </a:lnRef>
          </a:bottom>
          <a:insideH>
            <a:lnRef idx="1">
              <a:schemeClr val="accent5"/>
            </a:lnRef>
          </a:insideH>
          <a:insideV>
            <a:ln>
              <a:noFill/>
            </a:ln>
          </a:insideV>
        </a:tcBdr>
      </a:tcStyle>
    </a:lastCol>
    <a:firstCol>
      <a:tcTxStyle b="on"/>
      <a:tcStyle>
        <a:tcBdr>
          <a:left>
            <a:lnRef idx="1">
              <a:schemeClr val="accent5"/>
            </a:lnRef>
          </a:left>
          <a:right>
            <a:lnRef idx="2">
              <a:schemeClr val="accent5"/>
            </a:lnRef>
          </a:right>
          <a:top>
            <a:lnRef idx="1">
              <a:schemeClr val="accent5"/>
            </a:lnRef>
          </a:top>
          <a:bottom>
            <a:lnRef idx="1">
              <a:schemeClr val="accent5"/>
            </a:lnRef>
          </a:bottom>
          <a:insideH>
            <a:lnRef idx="1">
              <a:schemeClr val="accent5"/>
            </a:lnRef>
          </a:insideH>
          <a:insideV>
            <a:ln>
              <a:noFill/>
            </a:ln>
          </a:insideV>
        </a:tcBdr>
      </a:tcStyle>
    </a:firstCol>
    <a:lastRow>
      <a:tcTxStyle b="on"/>
      <a:tcStyle>
        <a:tcBdr>
          <a:left>
            <a:lnRef idx="1">
              <a:schemeClr val="accent5"/>
            </a:lnRef>
          </a:left>
          <a:right>
            <a:lnRef idx="1">
              <a:schemeClr val="accent5"/>
            </a:lnRef>
          </a:right>
          <a:top>
            <a:lnRef idx="2">
              <a:schemeClr val="accent5"/>
            </a:lnRef>
          </a:top>
          <a:bottom>
            <a:lnRef idx="2">
              <a:schemeClr val="accent5"/>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5"/>
            </a:lnRef>
          </a:left>
          <a:right>
            <a:lnRef idx="1">
              <a:schemeClr val="accent5"/>
            </a:lnRef>
          </a:right>
          <a:top>
            <a:lnRef idx="1">
              <a:schemeClr val="accent5"/>
            </a:lnRef>
          </a:top>
          <a:bottom>
            <a:lnRef idx="2">
              <a:schemeClr val="lt1"/>
            </a:lnRef>
          </a:bottom>
          <a:insideH>
            <a:ln>
              <a:noFill/>
            </a:ln>
          </a:insideH>
          <a:insideV>
            <a:ln>
              <a:noFill/>
            </a:ln>
          </a:insideV>
        </a:tcBdr>
        <a:fill>
          <a:solidFill>
            <a:schemeClr val="accent5"/>
          </a:solidFill>
        </a:fill>
      </a:tcStyle>
    </a:firstRow>
  </a:tblStyle>
  <a:tblStyle styleId="{638B1855-1B75-4FBE-930C-398BA8C253C6}" styleName="Themed Style 2 - Accent 6">
    <a:tblBg>
      <a:fillRef idx="3">
        <a:schemeClr val="accent6"/>
      </a:fillRef>
      <a:effectRef idx="3">
        <a:schemeClr val="accent6"/>
      </a:effectRef>
    </a:tblBg>
    <a:wholeTbl>
      <a:tcTxStyle>
        <a:fontRef idx="minor">
          <a:scrgbClr r="0" g="0" b="0"/>
        </a:fontRef>
        <a:schemeClr val="lt1"/>
      </a:tcTxStyle>
      <a:tcStyle>
        <a:tcBdr>
          <a:left>
            <a:lnRef idx="1">
              <a:schemeClr val="accent6">
                <a:tint val="50000"/>
              </a:schemeClr>
            </a:lnRef>
          </a:left>
          <a:right>
            <a:lnRef idx="1">
              <a:schemeClr val="accent6">
                <a:tint val="50000"/>
              </a:schemeClr>
            </a:lnRef>
          </a:right>
          <a:top>
            <a:lnRef idx="1">
              <a:schemeClr val="accent6">
                <a:tint val="50000"/>
              </a:schemeClr>
            </a:lnRef>
          </a:top>
          <a:bottom>
            <a:lnRef idx="1">
              <a:schemeClr val="accent6">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0505E3EF-67EA-436B-97B2-0124C06EBD24}" styleName="Medium Style 4 - Accent 3">
    <a:wholeTbl>
      <a:tcTxStyle>
        <a:fontRef idx="minor">
          <a:scrgbClr r="0" g="0" b="0"/>
        </a:fontRef>
        <a:schemeClr val="dk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solidFill>
            <a:schemeClr val="accent3">
              <a:tint val="20000"/>
            </a:schemeClr>
          </a:solidFill>
        </a:fill>
      </a:tcStyle>
    </a:wholeTbl>
    <a:band1H>
      <a:tcStyle>
        <a:tcBdr/>
        <a:fill>
          <a:solidFill>
            <a:schemeClr val="accent3">
              <a:tint val="40000"/>
            </a:schemeClr>
          </a:solidFill>
        </a:fill>
      </a:tcStyle>
    </a:band1H>
    <a:band1V>
      <a:tcStyle>
        <a:tcBdr/>
        <a:fill>
          <a:solidFill>
            <a:schemeClr val="accent3">
              <a:tint val="40000"/>
            </a:schemeClr>
          </a:solidFill>
        </a:fill>
      </a:tcStyle>
    </a:band1V>
    <a:lastCol>
      <a:tcTxStyle b="on"/>
      <a:tcStyle>
        <a:tcBdr/>
      </a:tcStyle>
    </a:lastCol>
    <a:firstCol>
      <a:tcTxStyle b="on"/>
      <a:tcStyle>
        <a:tcBdr/>
      </a:tcStyle>
    </a:firstCol>
    <a:lastRow>
      <a:tcTxStyle b="on"/>
      <a:tcStyle>
        <a:tcBdr>
          <a:top>
            <a:ln w="25400" cmpd="sng">
              <a:solidFill>
                <a:schemeClr val="accent3"/>
              </a:solidFill>
            </a:ln>
          </a:top>
        </a:tcBdr>
        <a:fill>
          <a:solidFill>
            <a:schemeClr val="accent3">
              <a:tint val="20000"/>
            </a:schemeClr>
          </a:solidFill>
        </a:fill>
      </a:tcStyle>
    </a:lastRow>
    <a:firstRow>
      <a:tcTxStyle b="on"/>
      <a:tcStyle>
        <a:tcBdr/>
        <a:fill>
          <a:solidFill>
            <a:schemeClr val="accent3">
              <a:tint val="20000"/>
            </a:schemeClr>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0992" autoAdjust="0"/>
    <p:restoredTop sz="96597" autoAdjust="0"/>
  </p:normalViewPr>
  <p:slideViewPr>
    <p:cSldViewPr showGuides="1">
      <p:cViewPr varScale="1">
        <p:scale>
          <a:sx n="106" d="100"/>
          <a:sy n="106" d="100"/>
        </p:scale>
        <p:origin x="384" y="114"/>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36004" cy="36004"/>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4.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tags" Target="tags/tag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handoutMaster" Target="handoutMasters/handoutMaster1.xml"/><Relationship Id="rId28" Type="http://schemas.openxmlformats.org/officeDocument/2006/relationships/tableStyles" Target="tableStyles.xml"/><Relationship Id="rId10" Type="http://schemas.openxmlformats.org/officeDocument/2006/relationships/slide" Target="slides/slide3.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notesMaster" Target="notesMasters/notesMaster1.xml"/><Relationship Id="rId27" Type="http://schemas.openxmlformats.org/officeDocument/2006/relationships/theme" Target="theme/theme1.xml"/><Relationship Id="rId30" Type="http://schemas.microsoft.com/office/2015/10/relationships/revisionInfo" Target="revisionInfo.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atias Vázquez Piñón" userId="2f86a967-3c9c-4a39-b538-7e6c0574d83d" providerId="ADAL" clId="{6594851D-CEE0-4A2C-876F-BED761A92EC3}"/>
    <pc:docChg chg="undo custSel mod addSld delSld modSld sldOrd modMainMaster">
      <pc:chgData name="Matias Vázquez Piñón" userId="2f86a967-3c9c-4a39-b538-7e6c0574d83d" providerId="ADAL" clId="{6594851D-CEE0-4A2C-876F-BED761A92EC3}" dt="2022-08-23T14:57:40.755" v="4496" actId="6549"/>
      <pc:docMkLst>
        <pc:docMk/>
      </pc:docMkLst>
      <pc:sldChg chg="modSp mod">
        <pc:chgData name="Matias Vázquez Piñón" userId="2f86a967-3c9c-4a39-b538-7e6c0574d83d" providerId="ADAL" clId="{6594851D-CEE0-4A2C-876F-BED761A92EC3}" dt="2022-08-15T09:56:34.811" v="117" actId="20577"/>
        <pc:sldMkLst>
          <pc:docMk/>
          <pc:sldMk cId="1796381250" sldId="257"/>
        </pc:sldMkLst>
        <pc:spChg chg="mod">
          <ac:chgData name="Matias Vázquez Piñón" userId="2f86a967-3c9c-4a39-b538-7e6c0574d83d" providerId="ADAL" clId="{6594851D-CEE0-4A2C-876F-BED761A92EC3}" dt="2022-08-15T09:56:34.811" v="117" actId="20577"/>
          <ac:spMkLst>
            <pc:docMk/>
            <pc:sldMk cId="1796381250" sldId="257"/>
            <ac:spMk id="3" creationId="{9ABD2501-5E2C-84F8-5978-93D1F7F43359}"/>
          </ac:spMkLst>
        </pc:spChg>
      </pc:sldChg>
      <pc:sldChg chg="modSp new mod">
        <pc:chgData name="Matias Vázquez Piñón" userId="2f86a967-3c9c-4a39-b538-7e6c0574d83d" providerId="ADAL" clId="{6594851D-CEE0-4A2C-876F-BED761A92EC3}" dt="2022-08-15T09:57:03.856" v="122" actId="20577"/>
        <pc:sldMkLst>
          <pc:docMk/>
          <pc:sldMk cId="1357612784" sldId="261"/>
        </pc:sldMkLst>
        <pc:spChg chg="mod">
          <ac:chgData name="Matias Vázquez Piñón" userId="2f86a967-3c9c-4a39-b538-7e6c0574d83d" providerId="ADAL" clId="{6594851D-CEE0-4A2C-876F-BED761A92EC3}" dt="2022-08-15T09:55:40.709" v="82" actId="20577"/>
          <ac:spMkLst>
            <pc:docMk/>
            <pc:sldMk cId="1357612784" sldId="261"/>
            <ac:spMk id="2" creationId="{ECAEF753-D43D-6BE4-C674-AC5A97AD0988}"/>
          </ac:spMkLst>
        </pc:spChg>
        <pc:spChg chg="mod">
          <ac:chgData name="Matias Vázquez Piñón" userId="2f86a967-3c9c-4a39-b538-7e6c0574d83d" providerId="ADAL" clId="{6594851D-CEE0-4A2C-876F-BED761A92EC3}" dt="2022-08-15T09:55:06.468" v="5" actId="20577"/>
          <ac:spMkLst>
            <pc:docMk/>
            <pc:sldMk cId="1357612784" sldId="261"/>
            <ac:spMk id="3" creationId="{5BB05565-F33B-5BD0-E9D3-FD707442EFF3}"/>
          </ac:spMkLst>
        </pc:spChg>
        <pc:spChg chg="mod">
          <ac:chgData name="Matias Vázquez Piñón" userId="2f86a967-3c9c-4a39-b538-7e6c0574d83d" providerId="ADAL" clId="{6594851D-CEE0-4A2C-876F-BED761A92EC3}" dt="2022-08-15T09:57:03.856" v="122" actId="20577"/>
          <ac:spMkLst>
            <pc:docMk/>
            <pc:sldMk cId="1357612784" sldId="261"/>
            <ac:spMk id="4" creationId="{FFC1AE25-77C3-183C-DBF6-6DF94AB28FAC}"/>
          </ac:spMkLst>
        </pc:spChg>
      </pc:sldChg>
      <pc:sldChg chg="addSp delSp modSp new mod">
        <pc:chgData name="Matias Vázquez Piñón" userId="2f86a967-3c9c-4a39-b538-7e6c0574d83d" providerId="ADAL" clId="{6594851D-CEE0-4A2C-876F-BED761A92EC3}" dt="2022-08-15T09:57:46.119" v="129"/>
        <pc:sldMkLst>
          <pc:docMk/>
          <pc:sldMk cId="3597724329" sldId="262"/>
        </pc:sldMkLst>
        <pc:spChg chg="del">
          <ac:chgData name="Matias Vázquez Piñón" userId="2f86a967-3c9c-4a39-b538-7e6c0574d83d" providerId="ADAL" clId="{6594851D-CEE0-4A2C-876F-BED761A92EC3}" dt="2022-08-15T09:57:16.610" v="124"/>
          <ac:spMkLst>
            <pc:docMk/>
            <pc:sldMk cId="3597724329" sldId="262"/>
            <ac:spMk id="3" creationId="{A2498B5A-3727-587B-E2CA-C1CC06805F97}"/>
          </ac:spMkLst>
        </pc:spChg>
        <pc:graphicFrameChg chg="add mod modGraphic">
          <ac:chgData name="Matias Vázquez Piñón" userId="2f86a967-3c9c-4a39-b538-7e6c0574d83d" providerId="ADAL" clId="{6594851D-CEE0-4A2C-876F-BED761A92EC3}" dt="2022-08-15T09:57:32.341" v="126"/>
          <ac:graphicFrameMkLst>
            <pc:docMk/>
            <pc:sldMk cId="3597724329" sldId="262"/>
            <ac:graphicFrameMk id="5" creationId="{0E11FF7B-7EBE-835F-25F6-C9BB4C23596E}"/>
          </ac:graphicFrameMkLst>
        </pc:graphicFrameChg>
        <pc:picChg chg="add mod">
          <ac:chgData name="Matias Vázquez Piñón" userId="2f86a967-3c9c-4a39-b538-7e6c0574d83d" providerId="ADAL" clId="{6594851D-CEE0-4A2C-876F-BED761A92EC3}" dt="2022-08-15T09:57:35.472" v="127"/>
          <ac:picMkLst>
            <pc:docMk/>
            <pc:sldMk cId="3597724329" sldId="262"/>
            <ac:picMk id="6" creationId="{F695AFAE-93E2-8460-3163-DE7FE3996FD3}"/>
          </ac:picMkLst>
        </pc:picChg>
        <pc:picChg chg="add mod">
          <ac:chgData name="Matias Vázquez Piñón" userId="2f86a967-3c9c-4a39-b538-7e6c0574d83d" providerId="ADAL" clId="{6594851D-CEE0-4A2C-876F-BED761A92EC3}" dt="2022-08-15T09:57:40.486" v="128"/>
          <ac:picMkLst>
            <pc:docMk/>
            <pc:sldMk cId="3597724329" sldId="262"/>
            <ac:picMk id="7" creationId="{3A64D4EC-2DF3-A0D5-CA48-6CA79013B411}"/>
          </ac:picMkLst>
        </pc:picChg>
        <pc:picChg chg="add mod">
          <ac:chgData name="Matias Vázquez Piñón" userId="2f86a967-3c9c-4a39-b538-7e6c0574d83d" providerId="ADAL" clId="{6594851D-CEE0-4A2C-876F-BED761A92EC3}" dt="2022-08-15T09:57:46.119" v="129"/>
          <ac:picMkLst>
            <pc:docMk/>
            <pc:sldMk cId="3597724329" sldId="262"/>
            <ac:picMk id="8" creationId="{B8612F6C-8D94-05A4-7F7F-63A35680D184}"/>
          </ac:picMkLst>
        </pc:picChg>
      </pc:sldChg>
      <pc:sldChg chg="addSp delSp modSp new mod modClrScheme chgLayout">
        <pc:chgData name="Matias Vázquez Piñón" userId="2f86a967-3c9c-4a39-b538-7e6c0574d83d" providerId="ADAL" clId="{6594851D-CEE0-4A2C-876F-BED761A92EC3}" dt="2022-08-16T14:26:45.376" v="992" actId="700"/>
        <pc:sldMkLst>
          <pc:docMk/>
          <pc:sldMk cId="622507875" sldId="263"/>
        </pc:sldMkLst>
        <pc:spChg chg="del mod ord">
          <ac:chgData name="Matias Vázquez Piñón" userId="2f86a967-3c9c-4a39-b538-7e6c0574d83d" providerId="ADAL" clId="{6594851D-CEE0-4A2C-876F-BED761A92EC3}" dt="2022-08-16T14:17:52.429" v="874" actId="700"/>
          <ac:spMkLst>
            <pc:docMk/>
            <pc:sldMk cId="622507875" sldId="263"/>
            <ac:spMk id="2" creationId="{4001F3C6-33F9-6FA3-DF81-0B572B984FC7}"/>
          </ac:spMkLst>
        </pc:spChg>
        <pc:spChg chg="del mod">
          <ac:chgData name="Matias Vázquez Piñón" userId="2f86a967-3c9c-4a39-b538-7e6c0574d83d" providerId="ADAL" clId="{6594851D-CEE0-4A2C-876F-BED761A92EC3}" dt="2022-08-15T09:58:25.828" v="135"/>
          <ac:spMkLst>
            <pc:docMk/>
            <pc:sldMk cId="622507875" sldId="263"/>
            <ac:spMk id="3" creationId="{382E86F3-54B4-5F7A-35C5-2DD6258D94C1}"/>
          </ac:spMkLst>
        </pc:spChg>
        <pc:spChg chg="add mod ord">
          <ac:chgData name="Matias Vázquez Piñón" userId="2f86a967-3c9c-4a39-b538-7e6c0574d83d" providerId="ADAL" clId="{6594851D-CEE0-4A2C-876F-BED761A92EC3}" dt="2022-08-16T14:26:45.376" v="992" actId="700"/>
          <ac:spMkLst>
            <pc:docMk/>
            <pc:sldMk cId="622507875" sldId="263"/>
            <ac:spMk id="3" creationId="{FF512E78-335F-2C1D-FB95-93A6F877663B}"/>
          </ac:spMkLst>
        </pc:spChg>
        <pc:spChg chg="mod ord">
          <ac:chgData name="Matias Vázquez Piñón" userId="2f86a967-3c9c-4a39-b538-7e6c0574d83d" providerId="ADAL" clId="{6594851D-CEE0-4A2C-876F-BED761A92EC3}" dt="2022-08-16T14:26:45.376" v="992" actId="700"/>
          <ac:spMkLst>
            <pc:docMk/>
            <pc:sldMk cId="622507875" sldId="263"/>
            <ac:spMk id="4" creationId="{0A318828-D276-C233-EC86-4D3BD14576BE}"/>
          </ac:spMkLst>
        </pc:spChg>
        <pc:spChg chg="add del mod ord">
          <ac:chgData name="Matias Vázquez Piñón" userId="2f86a967-3c9c-4a39-b538-7e6c0574d83d" providerId="ADAL" clId="{6594851D-CEE0-4A2C-876F-BED761A92EC3}" dt="2022-08-16T14:17:54.347" v="875" actId="22"/>
          <ac:spMkLst>
            <pc:docMk/>
            <pc:sldMk cId="622507875" sldId="263"/>
            <ac:spMk id="6" creationId="{5E397A04-8B2A-376D-7F45-20542806A979}"/>
          </ac:spMkLst>
        </pc:spChg>
        <pc:spChg chg="add del mod">
          <ac:chgData name="Matias Vázquez Piñón" userId="2f86a967-3c9c-4a39-b538-7e6c0574d83d" providerId="ADAL" clId="{6594851D-CEE0-4A2C-876F-BED761A92EC3}" dt="2022-08-16T14:18:39.556" v="883" actId="22"/>
          <ac:spMkLst>
            <pc:docMk/>
            <pc:sldMk cId="622507875" sldId="263"/>
            <ac:spMk id="10" creationId="{5EB3B3B4-561E-7E2C-4FD5-990418CE3713}"/>
          </ac:spMkLst>
        </pc:spChg>
        <pc:graphicFrameChg chg="add del mod ord modGraphic">
          <ac:chgData name="Matias Vázquez Piñón" userId="2f86a967-3c9c-4a39-b538-7e6c0574d83d" providerId="ADAL" clId="{6594851D-CEE0-4A2C-876F-BED761A92EC3}" dt="2022-08-16T14:18:28.659" v="882" actId="478"/>
          <ac:graphicFrameMkLst>
            <pc:docMk/>
            <pc:sldMk cId="622507875" sldId="263"/>
            <ac:graphicFrameMk id="5" creationId="{F374463D-5E6D-92D0-1CD8-827571F7D251}"/>
          </ac:graphicFrameMkLst>
        </pc:graphicFrameChg>
        <pc:picChg chg="add mod ord">
          <ac:chgData name="Matias Vázquez Piñón" userId="2f86a967-3c9c-4a39-b538-7e6c0574d83d" providerId="ADAL" clId="{6594851D-CEE0-4A2C-876F-BED761A92EC3}" dt="2022-08-16T14:26:45.376" v="992" actId="700"/>
          <ac:picMkLst>
            <pc:docMk/>
            <pc:sldMk cId="622507875" sldId="263"/>
            <ac:picMk id="8" creationId="{E0066F59-EF26-71E5-9F11-EB9930E954CA}"/>
          </ac:picMkLst>
        </pc:picChg>
        <pc:picChg chg="add mod ord">
          <ac:chgData name="Matias Vázquez Piñón" userId="2f86a967-3c9c-4a39-b538-7e6c0574d83d" providerId="ADAL" clId="{6594851D-CEE0-4A2C-876F-BED761A92EC3}" dt="2022-08-16T14:26:45.376" v="992" actId="700"/>
          <ac:picMkLst>
            <pc:docMk/>
            <pc:sldMk cId="622507875" sldId="263"/>
            <ac:picMk id="12" creationId="{DE86632C-35A4-6E3C-905D-0A32B45B6795}"/>
          </ac:picMkLst>
        </pc:picChg>
      </pc:sldChg>
      <pc:sldChg chg="modSp new mod">
        <pc:chgData name="Matias Vázquez Piñón" userId="2f86a967-3c9c-4a39-b538-7e6c0574d83d" providerId="ADAL" clId="{6594851D-CEE0-4A2C-876F-BED761A92EC3}" dt="2022-08-15T09:59:11.284" v="162" actId="20577"/>
        <pc:sldMkLst>
          <pc:docMk/>
          <pc:sldMk cId="677354137" sldId="264"/>
        </pc:sldMkLst>
        <pc:spChg chg="mod">
          <ac:chgData name="Matias Vázquez Piñón" userId="2f86a967-3c9c-4a39-b538-7e6c0574d83d" providerId="ADAL" clId="{6594851D-CEE0-4A2C-876F-BED761A92EC3}" dt="2022-08-15T09:59:11.284" v="162" actId="20577"/>
          <ac:spMkLst>
            <pc:docMk/>
            <pc:sldMk cId="677354137" sldId="264"/>
            <ac:spMk id="2" creationId="{D3ED6967-CBF2-27C6-EE59-53BDF7858D5F}"/>
          </ac:spMkLst>
        </pc:spChg>
      </pc:sldChg>
      <pc:sldChg chg="addSp delSp modSp new ord">
        <pc:chgData name="Matias Vázquez Piñón" userId="2f86a967-3c9c-4a39-b538-7e6c0574d83d" providerId="ADAL" clId="{6594851D-CEE0-4A2C-876F-BED761A92EC3}" dt="2022-08-19T08:07:48.039" v="1310"/>
        <pc:sldMkLst>
          <pc:docMk/>
          <pc:sldMk cId="756237579" sldId="265"/>
        </pc:sldMkLst>
        <pc:spChg chg="del">
          <ac:chgData name="Matias Vázquez Piñón" userId="2f86a967-3c9c-4a39-b538-7e6c0574d83d" providerId="ADAL" clId="{6594851D-CEE0-4A2C-876F-BED761A92EC3}" dt="2022-08-15T09:59:28.720" v="164"/>
          <ac:spMkLst>
            <pc:docMk/>
            <pc:sldMk cId="756237579" sldId="265"/>
            <ac:spMk id="3" creationId="{2162CCF9-F508-A906-E6B4-3C72D0642B98}"/>
          </ac:spMkLst>
        </pc:spChg>
        <pc:picChg chg="add mod">
          <ac:chgData name="Matias Vázquez Piñón" userId="2f86a967-3c9c-4a39-b538-7e6c0574d83d" providerId="ADAL" clId="{6594851D-CEE0-4A2C-876F-BED761A92EC3}" dt="2022-08-15T09:59:28.720" v="164"/>
          <ac:picMkLst>
            <pc:docMk/>
            <pc:sldMk cId="756237579" sldId="265"/>
            <ac:picMk id="6" creationId="{0D04321B-3D84-E225-2C7E-C9101DCD5884}"/>
          </ac:picMkLst>
        </pc:picChg>
      </pc:sldChg>
      <pc:sldChg chg="addSp delSp modSp add del mod">
        <pc:chgData name="Matias Vázquez Piñón" userId="2f86a967-3c9c-4a39-b538-7e6c0574d83d" providerId="ADAL" clId="{6594851D-CEE0-4A2C-876F-BED761A92EC3}" dt="2022-08-19T08:31:03.278" v="1690" actId="20577"/>
        <pc:sldMkLst>
          <pc:docMk/>
          <pc:sldMk cId="1944785628" sldId="266"/>
        </pc:sldMkLst>
        <pc:spChg chg="mod">
          <ac:chgData name="Matias Vázquez Piñón" userId="2f86a967-3c9c-4a39-b538-7e6c0574d83d" providerId="ADAL" clId="{6594851D-CEE0-4A2C-876F-BED761A92EC3}" dt="2022-08-19T08:09:40.763" v="1350" actId="20577"/>
          <ac:spMkLst>
            <pc:docMk/>
            <pc:sldMk cId="1944785628" sldId="266"/>
            <ac:spMk id="2" creationId="{AB517934-053F-FF86-552E-F307D2D9DA4B}"/>
          </ac:spMkLst>
        </pc:spChg>
        <pc:spChg chg="add mod">
          <ac:chgData name="Matias Vázquez Piñón" userId="2f86a967-3c9c-4a39-b538-7e6c0574d83d" providerId="ADAL" clId="{6594851D-CEE0-4A2C-876F-BED761A92EC3}" dt="2022-08-19T08:13:32.704" v="1435" actId="14100"/>
          <ac:spMkLst>
            <pc:docMk/>
            <pc:sldMk cId="1944785628" sldId="266"/>
            <ac:spMk id="4" creationId="{1F0389DA-86A2-1868-1EC5-09E7174EDA7F}"/>
          </ac:spMkLst>
        </pc:spChg>
        <pc:spChg chg="mod">
          <ac:chgData name="Matias Vázquez Piñón" userId="2f86a967-3c9c-4a39-b538-7e6c0574d83d" providerId="ADAL" clId="{6594851D-CEE0-4A2C-876F-BED761A92EC3}" dt="2022-08-15T10:00:01.180" v="165"/>
          <ac:spMkLst>
            <pc:docMk/>
            <pc:sldMk cId="1944785628" sldId="266"/>
            <ac:spMk id="5" creationId="{8ED65948-3C46-409B-BE4C-603156495089}"/>
          </ac:spMkLst>
        </pc:spChg>
        <pc:spChg chg="add mod">
          <ac:chgData name="Matias Vázquez Piñón" userId="2f86a967-3c9c-4a39-b538-7e6c0574d83d" providerId="ADAL" clId="{6594851D-CEE0-4A2C-876F-BED761A92EC3}" dt="2022-08-19T08:13:30.783" v="1434" actId="14100"/>
          <ac:spMkLst>
            <pc:docMk/>
            <pc:sldMk cId="1944785628" sldId="266"/>
            <ac:spMk id="5" creationId="{A4ADF5D8-0DAD-E062-D75A-BE9003C3C9B2}"/>
          </ac:spMkLst>
        </pc:spChg>
        <pc:spChg chg="mod">
          <ac:chgData name="Matias Vázquez Piñón" userId="2f86a967-3c9c-4a39-b538-7e6c0574d83d" providerId="ADAL" clId="{6594851D-CEE0-4A2C-876F-BED761A92EC3}" dt="2022-08-19T08:31:03.278" v="1690" actId="20577"/>
          <ac:spMkLst>
            <pc:docMk/>
            <pc:sldMk cId="1944785628" sldId="266"/>
            <ac:spMk id="6" creationId="{A2A309B0-A3E7-707D-2E82-3AC7B3C91B3A}"/>
          </ac:spMkLst>
        </pc:spChg>
        <pc:spChg chg="del mod">
          <ac:chgData name="Matias Vázquez Piñón" userId="2f86a967-3c9c-4a39-b538-7e6c0574d83d" providerId="ADAL" clId="{6594851D-CEE0-4A2C-876F-BED761A92EC3}" dt="2022-08-19T08:10:34.779" v="1365" actId="478"/>
          <ac:spMkLst>
            <pc:docMk/>
            <pc:sldMk cId="1944785628" sldId="266"/>
            <ac:spMk id="10" creationId="{DFDFF52D-F9AA-0E92-1EFA-009793D9A509}"/>
          </ac:spMkLst>
        </pc:spChg>
        <pc:picChg chg="mod">
          <ac:chgData name="Matias Vázquez Piñón" userId="2f86a967-3c9c-4a39-b538-7e6c0574d83d" providerId="ADAL" clId="{6594851D-CEE0-4A2C-876F-BED761A92EC3}" dt="2022-08-19T08:10:17.751" v="1359" actId="1076"/>
          <ac:picMkLst>
            <pc:docMk/>
            <pc:sldMk cId="1944785628" sldId="266"/>
            <ac:picMk id="13" creationId="{EBA6DABB-A380-2114-7AF6-3167F2506869}"/>
          </ac:picMkLst>
        </pc:picChg>
      </pc:sldChg>
      <pc:sldChg chg="modSp mod chgLayout">
        <pc:chgData name="Matias Vázquez Piñón" userId="2f86a967-3c9c-4a39-b538-7e6c0574d83d" providerId="ADAL" clId="{6594851D-CEE0-4A2C-876F-BED761A92EC3}" dt="2022-08-19T08:31:44.959" v="1699" actId="20577"/>
        <pc:sldMkLst>
          <pc:docMk/>
          <pc:sldMk cId="3675564955" sldId="267"/>
        </pc:sldMkLst>
        <pc:spChg chg="mod ord">
          <ac:chgData name="Matias Vázquez Piñón" userId="2f86a967-3c9c-4a39-b538-7e6c0574d83d" providerId="ADAL" clId="{6594851D-CEE0-4A2C-876F-BED761A92EC3}" dt="2022-08-19T08:22:00.068" v="1461" actId="20577"/>
          <ac:spMkLst>
            <pc:docMk/>
            <pc:sldMk cId="3675564955" sldId="267"/>
            <ac:spMk id="2" creationId="{AB517934-053F-FF86-552E-F307D2D9DA4B}"/>
          </ac:spMkLst>
        </pc:spChg>
        <pc:spChg chg="mod ord">
          <ac:chgData name="Matias Vázquez Piñón" userId="2f86a967-3c9c-4a39-b538-7e6c0574d83d" providerId="ADAL" clId="{6594851D-CEE0-4A2C-876F-BED761A92EC3}" dt="2022-08-19T08:14:20.804" v="1456" actId="700"/>
          <ac:spMkLst>
            <pc:docMk/>
            <pc:sldMk cId="3675564955" sldId="267"/>
            <ac:spMk id="3" creationId="{AABEEDF2-3645-C5F3-5BD8-BF18B54D8105}"/>
          </ac:spMkLst>
        </pc:spChg>
        <pc:spChg chg="mod ord">
          <ac:chgData name="Matias Vázquez Piñón" userId="2f86a967-3c9c-4a39-b538-7e6c0574d83d" providerId="ADAL" clId="{6594851D-CEE0-4A2C-876F-BED761A92EC3}" dt="2022-08-19T08:31:44.959" v="1699" actId="20577"/>
          <ac:spMkLst>
            <pc:docMk/>
            <pc:sldMk cId="3675564955" sldId="267"/>
            <ac:spMk id="6" creationId="{A2A309B0-A3E7-707D-2E82-3AC7B3C91B3A}"/>
          </ac:spMkLst>
        </pc:spChg>
        <pc:picChg chg="mod ord">
          <ac:chgData name="Matias Vázquez Piñón" userId="2f86a967-3c9c-4a39-b538-7e6c0574d83d" providerId="ADAL" clId="{6594851D-CEE0-4A2C-876F-BED761A92EC3}" dt="2022-08-19T08:25:20.321" v="1658" actId="1076"/>
          <ac:picMkLst>
            <pc:docMk/>
            <pc:sldMk cId="3675564955" sldId="267"/>
            <ac:picMk id="7" creationId="{1AC9C3A6-69CC-E4E1-1252-A22F3B2C6BD0}"/>
          </ac:picMkLst>
        </pc:picChg>
      </pc:sldChg>
      <pc:sldChg chg="addSp delSp modSp del mod ord">
        <pc:chgData name="Matias Vázquez Piñón" userId="2f86a967-3c9c-4a39-b538-7e6c0574d83d" providerId="ADAL" clId="{6594851D-CEE0-4A2C-876F-BED761A92EC3}" dt="2022-08-23T11:11:12.809" v="2936" actId="47"/>
        <pc:sldMkLst>
          <pc:docMk/>
          <pc:sldMk cId="602807936" sldId="268"/>
        </pc:sldMkLst>
        <pc:spChg chg="mod">
          <ac:chgData name="Matias Vázquez Piñón" userId="2f86a967-3c9c-4a39-b538-7e6c0574d83d" providerId="ADAL" clId="{6594851D-CEE0-4A2C-876F-BED761A92EC3}" dt="2022-08-19T08:25:35.891" v="1671" actId="20577"/>
          <ac:spMkLst>
            <pc:docMk/>
            <pc:sldMk cId="602807936" sldId="268"/>
            <ac:spMk id="2" creationId="{6B8DF16B-DD8F-2544-5204-248394A34FEC}"/>
          </ac:spMkLst>
        </pc:spChg>
        <pc:spChg chg="add mod">
          <ac:chgData name="Matias Vázquez Piñón" userId="2f86a967-3c9c-4a39-b538-7e6c0574d83d" providerId="ADAL" clId="{6594851D-CEE0-4A2C-876F-BED761A92EC3}" dt="2022-08-23T10:41:35.486" v="2609" actId="478"/>
          <ac:spMkLst>
            <pc:docMk/>
            <pc:sldMk cId="602807936" sldId="268"/>
            <ac:spMk id="3" creationId="{28C3B11E-41AA-F4BB-A6AE-619B8764FAD9}"/>
          </ac:spMkLst>
        </pc:spChg>
        <pc:spChg chg="mod">
          <ac:chgData name="Matias Vázquez Piñón" userId="2f86a967-3c9c-4a39-b538-7e6c0574d83d" providerId="ADAL" clId="{6594851D-CEE0-4A2C-876F-BED761A92EC3}" dt="2022-08-15T10:00:34.599" v="171" actId="27636"/>
          <ac:spMkLst>
            <pc:docMk/>
            <pc:sldMk cId="602807936" sldId="268"/>
            <ac:spMk id="22" creationId="{C95292B4-10FE-F094-FFE9-2CCE537F3428}"/>
          </ac:spMkLst>
        </pc:spChg>
        <pc:picChg chg="del">
          <ac:chgData name="Matias Vázquez Piñón" userId="2f86a967-3c9c-4a39-b538-7e6c0574d83d" providerId="ADAL" clId="{6594851D-CEE0-4A2C-876F-BED761A92EC3}" dt="2022-08-23T10:41:35.486" v="2609" actId="478"/>
          <ac:picMkLst>
            <pc:docMk/>
            <pc:sldMk cId="602807936" sldId="268"/>
            <ac:picMk id="25" creationId="{BF26DA05-E5E6-284C-ADE7-F6DDF7D91929}"/>
          </ac:picMkLst>
        </pc:picChg>
      </pc:sldChg>
      <pc:sldChg chg="del">
        <pc:chgData name="Matias Vázquez Piñón" userId="2f86a967-3c9c-4a39-b538-7e6c0574d83d" providerId="ADAL" clId="{6594851D-CEE0-4A2C-876F-BED761A92EC3}" dt="2022-08-19T08:27:01.373" v="1674" actId="47"/>
        <pc:sldMkLst>
          <pc:docMk/>
          <pc:sldMk cId="4285240144" sldId="270"/>
        </pc:sldMkLst>
      </pc:sldChg>
      <pc:sldChg chg="del">
        <pc:chgData name="Matias Vázquez Piñón" userId="2f86a967-3c9c-4a39-b538-7e6c0574d83d" providerId="ADAL" clId="{6594851D-CEE0-4A2C-876F-BED761A92EC3}" dt="2022-08-19T08:27:13.467" v="1675" actId="47"/>
        <pc:sldMkLst>
          <pc:docMk/>
          <pc:sldMk cId="2588015621" sldId="272"/>
        </pc:sldMkLst>
      </pc:sldChg>
      <pc:sldChg chg="del">
        <pc:chgData name="Matias Vázquez Piñón" userId="2f86a967-3c9c-4a39-b538-7e6c0574d83d" providerId="ADAL" clId="{6594851D-CEE0-4A2C-876F-BED761A92EC3}" dt="2022-08-19T08:27:19.534" v="1676" actId="47"/>
        <pc:sldMkLst>
          <pc:docMk/>
          <pc:sldMk cId="2168727543" sldId="273"/>
        </pc:sldMkLst>
      </pc:sldChg>
      <pc:sldChg chg="del">
        <pc:chgData name="Matias Vázquez Piñón" userId="2f86a967-3c9c-4a39-b538-7e6c0574d83d" providerId="ADAL" clId="{6594851D-CEE0-4A2C-876F-BED761A92EC3}" dt="2022-08-19T08:27:20.664" v="1677" actId="47"/>
        <pc:sldMkLst>
          <pc:docMk/>
          <pc:sldMk cId="358722331" sldId="274"/>
        </pc:sldMkLst>
      </pc:sldChg>
      <pc:sldChg chg="modSp del mod">
        <pc:chgData name="Matias Vázquez Piñón" userId="2f86a967-3c9c-4a39-b538-7e6c0574d83d" providerId="ADAL" clId="{6594851D-CEE0-4A2C-876F-BED761A92EC3}" dt="2022-08-19T08:27:29.376" v="1678" actId="47"/>
        <pc:sldMkLst>
          <pc:docMk/>
          <pc:sldMk cId="2652427712" sldId="275"/>
        </pc:sldMkLst>
        <pc:graphicFrameChg chg="modGraphic">
          <ac:chgData name="Matias Vázquez Piñón" userId="2f86a967-3c9c-4a39-b538-7e6c0574d83d" providerId="ADAL" clId="{6594851D-CEE0-4A2C-876F-BED761A92EC3}" dt="2022-08-15T10:01:04.561" v="173" actId="12385"/>
          <ac:graphicFrameMkLst>
            <pc:docMk/>
            <pc:sldMk cId="2652427712" sldId="275"/>
            <ac:graphicFrameMk id="6" creationId="{031046F1-DFBE-16BE-4F04-443AC5709B33}"/>
          </ac:graphicFrameMkLst>
        </pc:graphicFrameChg>
      </pc:sldChg>
      <pc:sldChg chg="modSp new mod ord">
        <pc:chgData name="Matias Vázquez Piñón" userId="2f86a967-3c9c-4a39-b538-7e6c0574d83d" providerId="ADAL" clId="{6594851D-CEE0-4A2C-876F-BED761A92EC3}" dt="2022-08-16T14:06:27.448" v="361" actId="20577"/>
        <pc:sldMkLst>
          <pc:docMk/>
          <pc:sldMk cId="2429412400" sldId="276"/>
        </pc:sldMkLst>
        <pc:spChg chg="mod">
          <ac:chgData name="Matias Vázquez Piñón" userId="2f86a967-3c9c-4a39-b538-7e6c0574d83d" providerId="ADAL" clId="{6594851D-CEE0-4A2C-876F-BED761A92EC3}" dt="2022-08-15T10:03:03.230" v="236" actId="20577"/>
          <ac:spMkLst>
            <pc:docMk/>
            <pc:sldMk cId="2429412400" sldId="276"/>
            <ac:spMk id="2" creationId="{5FB5D724-7A69-F201-D7A3-2751D2E6CEC0}"/>
          </ac:spMkLst>
        </pc:spChg>
        <pc:spChg chg="mod">
          <ac:chgData name="Matias Vázquez Piñón" userId="2f86a967-3c9c-4a39-b538-7e6c0574d83d" providerId="ADAL" clId="{6594851D-CEE0-4A2C-876F-BED761A92EC3}" dt="2022-08-16T14:06:27.448" v="361" actId="20577"/>
          <ac:spMkLst>
            <pc:docMk/>
            <pc:sldMk cId="2429412400" sldId="276"/>
            <ac:spMk id="3" creationId="{842DB822-089B-CD2E-DD66-1D551B373CE8}"/>
          </ac:spMkLst>
        </pc:spChg>
      </pc:sldChg>
      <pc:sldChg chg="modSp new mod ord">
        <pc:chgData name="Matias Vázquez Piñón" userId="2f86a967-3c9c-4a39-b538-7e6c0574d83d" providerId="ADAL" clId="{6594851D-CEE0-4A2C-876F-BED761A92EC3}" dt="2022-08-16T14:06:38.424" v="363" actId="20577"/>
        <pc:sldMkLst>
          <pc:docMk/>
          <pc:sldMk cId="3779636042" sldId="277"/>
        </pc:sldMkLst>
        <pc:spChg chg="mod">
          <ac:chgData name="Matias Vázquez Piñón" userId="2f86a967-3c9c-4a39-b538-7e6c0574d83d" providerId="ADAL" clId="{6594851D-CEE0-4A2C-876F-BED761A92EC3}" dt="2022-08-15T10:03:39.606" v="260" actId="20577"/>
          <ac:spMkLst>
            <pc:docMk/>
            <pc:sldMk cId="3779636042" sldId="277"/>
            <ac:spMk id="2" creationId="{0DA10F91-0D5A-CD52-A658-0677B4124440}"/>
          </ac:spMkLst>
        </pc:spChg>
        <pc:spChg chg="mod">
          <ac:chgData name="Matias Vázquez Piñón" userId="2f86a967-3c9c-4a39-b538-7e6c0574d83d" providerId="ADAL" clId="{6594851D-CEE0-4A2C-876F-BED761A92EC3}" dt="2022-08-16T14:06:38.424" v="363" actId="20577"/>
          <ac:spMkLst>
            <pc:docMk/>
            <pc:sldMk cId="3779636042" sldId="277"/>
            <ac:spMk id="3" creationId="{97FE3A81-9DAC-5520-6203-F35336D8693C}"/>
          </ac:spMkLst>
        </pc:spChg>
      </pc:sldChg>
      <pc:sldChg chg="modSp new mod">
        <pc:chgData name="Matias Vázquez Piñón" userId="2f86a967-3c9c-4a39-b538-7e6c0574d83d" providerId="ADAL" clId="{6594851D-CEE0-4A2C-876F-BED761A92EC3}" dt="2022-08-16T14:06:41.282" v="364"/>
        <pc:sldMkLst>
          <pc:docMk/>
          <pc:sldMk cId="3286921969" sldId="278"/>
        </pc:sldMkLst>
        <pc:spChg chg="mod">
          <ac:chgData name="Matias Vázquez Piñón" userId="2f86a967-3c9c-4a39-b538-7e6c0574d83d" providerId="ADAL" clId="{6594851D-CEE0-4A2C-876F-BED761A92EC3}" dt="2022-08-15T10:04:27.815" v="287" actId="20577"/>
          <ac:spMkLst>
            <pc:docMk/>
            <pc:sldMk cId="3286921969" sldId="278"/>
            <ac:spMk id="2" creationId="{C87C9399-AEC1-19C4-A666-76E7C1027CFE}"/>
          </ac:spMkLst>
        </pc:spChg>
        <pc:spChg chg="mod">
          <ac:chgData name="Matias Vázquez Piñón" userId="2f86a967-3c9c-4a39-b538-7e6c0574d83d" providerId="ADAL" clId="{6594851D-CEE0-4A2C-876F-BED761A92EC3}" dt="2022-08-16T14:06:41.282" v="364"/>
          <ac:spMkLst>
            <pc:docMk/>
            <pc:sldMk cId="3286921969" sldId="278"/>
            <ac:spMk id="3" creationId="{FA864493-C257-F2BA-172D-F5CCAB623D3D}"/>
          </ac:spMkLst>
        </pc:spChg>
      </pc:sldChg>
      <pc:sldChg chg="modSp new mod ord">
        <pc:chgData name="Matias Vázquez Piñón" userId="2f86a967-3c9c-4a39-b538-7e6c0574d83d" providerId="ADAL" clId="{6594851D-CEE0-4A2C-876F-BED761A92EC3}" dt="2022-08-19T08:07:12.940" v="1308"/>
        <pc:sldMkLst>
          <pc:docMk/>
          <pc:sldMk cId="262411750" sldId="279"/>
        </pc:sldMkLst>
        <pc:spChg chg="mod">
          <ac:chgData name="Matias Vázquez Piñón" userId="2f86a967-3c9c-4a39-b538-7e6c0574d83d" providerId="ADAL" clId="{6594851D-CEE0-4A2C-876F-BED761A92EC3}" dt="2022-08-15T10:04:53.449" v="332" actId="20577"/>
          <ac:spMkLst>
            <pc:docMk/>
            <pc:sldMk cId="262411750" sldId="279"/>
            <ac:spMk id="2" creationId="{F7EE76C3-9EA9-BDBF-2A47-E34A54F7D3EC}"/>
          </ac:spMkLst>
        </pc:spChg>
        <pc:spChg chg="mod">
          <ac:chgData name="Matias Vázquez Piñón" userId="2f86a967-3c9c-4a39-b538-7e6c0574d83d" providerId="ADAL" clId="{6594851D-CEE0-4A2C-876F-BED761A92EC3}" dt="2022-08-16T14:06:51.141" v="366" actId="20577"/>
          <ac:spMkLst>
            <pc:docMk/>
            <pc:sldMk cId="262411750" sldId="279"/>
            <ac:spMk id="3" creationId="{07D9240F-5618-81AC-02A1-14493128452D}"/>
          </ac:spMkLst>
        </pc:spChg>
      </pc:sldChg>
      <pc:sldChg chg="addSp delSp modSp new mod">
        <pc:chgData name="Matias Vázquez Piñón" userId="2f86a967-3c9c-4a39-b538-7e6c0574d83d" providerId="ADAL" clId="{6594851D-CEE0-4A2C-876F-BED761A92EC3}" dt="2022-08-16T14:16:02.793" v="869" actId="120"/>
        <pc:sldMkLst>
          <pc:docMk/>
          <pc:sldMk cId="2866640030" sldId="280"/>
        </pc:sldMkLst>
        <pc:spChg chg="mod">
          <ac:chgData name="Matias Vázquez Piñón" userId="2f86a967-3c9c-4a39-b538-7e6c0574d83d" providerId="ADAL" clId="{6594851D-CEE0-4A2C-876F-BED761A92EC3}" dt="2022-08-16T14:10:00.047" v="471" actId="20577"/>
          <ac:spMkLst>
            <pc:docMk/>
            <pc:sldMk cId="2866640030" sldId="280"/>
            <ac:spMk id="2" creationId="{A0A0C4EF-3578-50F1-F40B-142FB05C1FA2}"/>
          </ac:spMkLst>
        </pc:spChg>
        <pc:spChg chg="mod">
          <ac:chgData name="Matias Vázquez Piñón" userId="2f86a967-3c9c-4a39-b538-7e6c0574d83d" providerId="ADAL" clId="{6594851D-CEE0-4A2C-876F-BED761A92EC3}" dt="2022-08-16T14:16:02.793" v="869" actId="120"/>
          <ac:spMkLst>
            <pc:docMk/>
            <pc:sldMk cId="2866640030" sldId="280"/>
            <ac:spMk id="3" creationId="{C8880725-AB83-D59C-0D80-73C0B849BD69}"/>
          </ac:spMkLst>
        </pc:spChg>
        <pc:spChg chg="del">
          <ac:chgData name="Matias Vázquez Piñón" userId="2f86a967-3c9c-4a39-b538-7e6c0574d83d" providerId="ADAL" clId="{6594851D-CEE0-4A2C-876F-BED761A92EC3}" dt="2022-08-16T14:09:18.525" v="373" actId="22"/>
          <ac:spMkLst>
            <pc:docMk/>
            <pc:sldMk cId="2866640030" sldId="280"/>
            <ac:spMk id="4" creationId="{1CC7DA27-ADE6-D472-AF5E-A5439EA0E4F9}"/>
          </ac:spMkLst>
        </pc:spChg>
        <pc:picChg chg="add mod ord">
          <ac:chgData name="Matias Vázquez Piñón" userId="2f86a967-3c9c-4a39-b538-7e6c0574d83d" providerId="ADAL" clId="{6594851D-CEE0-4A2C-876F-BED761A92EC3}" dt="2022-08-16T14:09:18.525" v="373" actId="22"/>
          <ac:picMkLst>
            <pc:docMk/>
            <pc:sldMk cId="2866640030" sldId="280"/>
            <ac:picMk id="7" creationId="{6B4BB270-FC27-B187-D93C-84FA0FC98E78}"/>
          </ac:picMkLst>
        </pc:picChg>
      </pc:sldChg>
      <pc:sldChg chg="addSp delSp modSp new mod">
        <pc:chgData name="Matias Vázquez Piñón" userId="2f86a967-3c9c-4a39-b538-7e6c0574d83d" providerId="ADAL" clId="{6594851D-CEE0-4A2C-876F-BED761A92EC3}" dt="2022-08-16T14:33:01.688" v="1306"/>
        <pc:sldMkLst>
          <pc:docMk/>
          <pc:sldMk cId="2657048017" sldId="281"/>
        </pc:sldMkLst>
        <pc:spChg chg="mod">
          <ac:chgData name="Matias Vázquez Piñón" userId="2f86a967-3c9c-4a39-b538-7e6c0574d83d" providerId="ADAL" clId="{6594851D-CEE0-4A2C-876F-BED761A92EC3}" dt="2022-08-16T14:27:03.823" v="1017" actId="20577"/>
          <ac:spMkLst>
            <pc:docMk/>
            <pc:sldMk cId="2657048017" sldId="281"/>
            <ac:spMk id="2" creationId="{C5467F25-6D54-2C74-127B-7EDC0CC06488}"/>
          </ac:spMkLst>
        </pc:spChg>
        <pc:spChg chg="mod">
          <ac:chgData name="Matias Vázquez Piñón" userId="2f86a967-3c9c-4a39-b538-7e6c0574d83d" providerId="ADAL" clId="{6594851D-CEE0-4A2C-876F-BED761A92EC3}" dt="2022-08-16T14:33:01.688" v="1306"/>
          <ac:spMkLst>
            <pc:docMk/>
            <pc:sldMk cId="2657048017" sldId="281"/>
            <ac:spMk id="3" creationId="{5AC65F18-17AC-A7DC-7F31-C4210AEE0E52}"/>
          </ac:spMkLst>
        </pc:spChg>
        <pc:spChg chg="del">
          <ac:chgData name="Matias Vázquez Piñón" userId="2f86a967-3c9c-4a39-b538-7e6c0574d83d" providerId="ADAL" clId="{6594851D-CEE0-4A2C-876F-BED761A92EC3}" dt="2022-08-16T14:27:21.771" v="1020"/>
          <ac:spMkLst>
            <pc:docMk/>
            <pc:sldMk cId="2657048017" sldId="281"/>
            <ac:spMk id="4" creationId="{FAFAE114-377B-673C-2ECF-DCA48C38C1B7}"/>
          </ac:spMkLst>
        </pc:spChg>
        <pc:spChg chg="del">
          <ac:chgData name="Matias Vázquez Piñón" userId="2f86a967-3c9c-4a39-b538-7e6c0574d83d" providerId="ADAL" clId="{6594851D-CEE0-4A2C-876F-BED761A92EC3}" dt="2022-08-16T14:27:52.485" v="1025" actId="22"/>
          <ac:spMkLst>
            <pc:docMk/>
            <pc:sldMk cId="2657048017" sldId="281"/>
            <ac:spMk id="5" creationId="{A2FB849E-7E68-AAAD-AD28-92876D73B51E}"/>
          </ac:spMkLst>
        </pc:spChg>
        <pc:spChg chg="add mod">
          <ac:chgData name="Matias Vázquez Piñón" userId="2f86a967-3c9c-4a39-b538-7e6c0574d83d" providerId="ADAL" clId="{6594851D-CEE0-4A2C-876F-BED761A92EC3}" dt="2022-08-16T14:29:54.500" v="1080" actId="1076"/>
          <ac:spMkLst>
            <pc:docMk/>
            <pc:sldMk cId="2657048017" sldId="281"/>
            <ac:spMk id="12" creationId="{C5F082DC-50E9-BA8C-C1D2-0CF2DC2D9B64}"/>
          </ac:spMkLst>
        </pc:spChg>
        <pc:spChg chg="add mod">
          <ac:chgData name="Matias Vázquez Piñón" userId="2f86a967-3c9c-4a39-b538-7e6c0574d83d" providerId="ADAL" clId="{6594851D-CEE0-4A2C-876F-BED761A92EC3}" dt="2022-08-16T14:29:06.953" v="1074" actId="20577"/>
          <ac:spMkLst>
            <pc:docMk/>
            <pc:sldMk cId="2657048017" sldId="281"/>
            <ac:spMk id="13" creationId="{2B9AFA17-E88C-4FD4-9238-CB5C9DCD3150}"/>
          </ac:spMkLst>
        </pc:spChg>
        <pc:picChg chg="add del">
          <ac:chgData name="Matias Vázquez Piñón" userId="2f86a967-3c9c-4a39-b538-7e6c0574d83d" providerId="ADAL" clId="{6594851D-CEE0-4A2C-876F-BED761A92EC3}" dt="2022-08-16T14:27:19.866" v="1019" actId="21"/>
          <ac:picMkLst>
            <pc:docMk/>
            <pc:sldMk cId="2657048017" sldId="281"/>
            <ac:picMk id="8" creationId="{9AA9697D-E603-CA41-FB1B-8B9BAF85C2A4}"/>
          </ac:picMkLst>
        </pc:picChg>
        <pc:picChg chg="add mod">
          <ac:chgData name="Matias Vázquez Piñón" userId="2f86a967-3c9c-4a39-b538-7e6c0574d83d" providerId="ADAL" clId="{6594851D-CEE0-4A2C-876F-BED761A92EC3}" dt="2022-08-16T14:29:34.459" v="1077" actId="18131"/>
          <ac:picMkLst>
            <pc:docMk/>
            <pc:sldMk cId="2657048017" sldId="281"/>
            <ac:picMk id="9" creationId="{F63CA2B3-686B-94D5-8BF6-6EB664842E4C}"/>
          </ac:picMkLst>
        </pc:picChg>
        <pc:picChg chg="add mod ord modCrop">
          <ac:chgData name="Matias Vázquez Piñón" userId="2f86a967-3c9c-4a39-b538-7e6c0574d83d" providerId="ADAL" clId="{6594851D-CEE0-4A2C-876F-BED761A92EC3}" dt="2022-08-16T14:29:49.899" v="1079" actId="18131"/>
          <ac:picMkLst>
            <pc:docMk/>
            <pc:sldMk cId="2657048017" sldId="281"/>
            <ac:picMk id="11" creationId="{E6339704-9402-6047-33F7-CEDF841E3DB5}"/>
          </ac:picMkLst>
        </pc:picChg>
      </pc:sldChg>
      <pc:sldChg chg="addSp delSp modSp mod chgLayout">
        <pc:chgData name="Matias Vázquez Piñón" userId="2f86a967-3c9c-4a39-b538-7e6c0574d83d" providerId="ADAL" clId="{6594851D-CEE0-4A2C-876F-BED761A92EC3}" dt="2022-08-23T14:05:06.544" v="3343" actId="20577"/>
        <pc:sldMkLst>
          <pc:docMk/>
          <pc:sldMk cId="2473330086" sldId="295"/>
        </pc:sldMkLst>
        <pc:spChg chg="add del mod ord">
          <ac:chgData name="Matias Vázquez Piñón" userId="2f86a967-3c9c-4a39-b538-7e6c0574d83d" providerId="ADAL" clId="{6594851D-CEE0-4A2C-876F-BED761A92EC3}" dt="2022-08-23T14:04:49.277" v="3318" actId="700"/>
          <ac:spMkLst>
            <pc:docMk/>
            <pc:sldMk cId="2473330086" sldId="295"/>
            <ac:spMk id="2" creationId="{7C2956A2-A311-F459-56FB-69EF3FF0EB67}"/>
          </ac:spMkLst>
        </pc:spChg>
        <pc:spChg chg="mod ord">
          <ac:chgData name="Matias Vázquez Piñón" userId="2f86a967-3c9c-4a39-b538-7e6c0574d83d" providerId="ADAL" clId="{6594851D-CEE0-4A2C-876F-BED761A92EC3}" dt="2022-08-23T14:04:49.277" v="3318" actId="700"/>
          <ac:spMkLst>
            <pc:docMk/>
            <pc:sldMk cId="2473330086" sldId="295"/>
            <ac:spMk id="5" creationId="{3CE86259-A478-FA8D-018D-21501FFD6FD6}"/>
          </ac:spMkLst>
        </pc:spChg>
        <pc:spChg chg="mod ord">
          <ac:chgData name="Matias Vázquez Piñón" userId="2f86a967-3c9c-4a39-b538-7e6c0574d83d" providerId="ADAL" clId="{6594851D-CEE0-4A2C-876F-BED761A92EC3}" dt="2022-08-23T14:05:06.544" v="3343" actId="20577"/>
          <ac:spMkLst>
            <pc:docMk/>
            <pc:sldMk cId="2473330086" sldId="295"/>
            <ac:spMk id="6" creationId="{34007F3E-9AAC-1E56-D590-855686936CCD}"/>
          </ac:spMkLst>
        </pc:spChg>
        <pc:spChg chg="mod ord">
          <ac:chgData name="Matias Vázquez Piñón" userId="2f86a967-3c9c-4a39-b538-7e6c0574d83d" providerId="ADAL" clId="{6594851D-CEE0-4A2C-876F-BED761A92EC3}" dt="2022-08-23T14:04:49.277" v="3318" actId="700"/>
          <ac:spMkLst>
            <pc:docMk/>
            <pc:sldMk cId="2473330086" sldId="295"/>
            <ac:spMk id="7" creationId="{7ABD9E20-3E63-2A06-A278-DD3FCB5BA0AC}"/>
          </ac:spMkLst>
        </pc:spChg>
      </pc:sldChg>
      <pc:sldChg chg="addSp delSp modSp new mod ord modClrScheme chgLayout">
        <pc:chgData name="Matias Vázquez Piñón" userId="2f86a967-3c9c-4a39-b538-7e6c0574d83d" providerId="ADAL" clId="{6594851D-CEE0-4A2C-876F-BED761A92EC3}" dt="2022-08-23T10:40:16.573" v="2608" actId="478"/>
        <pc:sldMkLst>
          <pc:docMk/>
          <pc:sldMk cId="3451113877" sldId="296"/>
        </pc:sldMkLst>
        <pc:spChg chg="del mod ord">
          <ac:chgData name="Matias Vázquez Piñón" userId="2f86a967-3c9c-4a39-b538-7e6c0574d83d" providerId="ADAL" clId="{6594851D-CEE0-4A2C-876F-BED761A92EC3}" dt="2022-08-23T07:56:34.265" v="1703" actId="700"/>
          <ac:spMkLst>
            <pc:docMk/>
            <pc:sldMk cId="3451113877" sldId="296"/>
            <ac:spMk id="2" creationId="{B10ADCE4-12C0-B176-1B48-096FFB9F1F00}"/>
          </ac:spMkLst>
        </pc:spChg>
        <pc:spChg chg="del mod ord">
          <ac:chgData name="Matias Vázquez Piñón" userId="2f86a967-3c9c-4a39-b538-7e6c0574d83d" providerId="ADAL" clId="{6594851D-CEE0-4A2C-876F-BED761A92EC3}" dt="2022-08-23T07:56:34.265" v="1703" actId="700"/>
          <ac:spMkLst>
            <pc:docMk/>
            <pc:sldMk cId="3451113877" sldId="296"/>
            <ac:spMk id="3" creationId="{D99D1CBE-AC5A-104D-08FB-674CA6FD77A0}"/>
          </ac:spMkLst>
        </pc:spChg>
        <pc:spChg chg="del">
          <ac:chgData name="Matias Vázquez Piñón" userId="2f86a967-3c9c-4a39-b538-7e6c0574d83d" providerId="ADAL" clId="{6594851D-CEE0-4A2C-876F-BED761A92EC3}" dt="2022-08-23T07:56:34.265" v="1703" actId="700"/>
          <ac:spMkLst>
            <pc:docMk/>
            <pc:sldMk cId="3451113877" sldId="296"/>
            <ac:spMk id="4" creationId="{24989AD0-B6C9-6C88-A0BE-CA17430ADDB0}"/>
          </ac:spMkLst>
        </pc:spChg>
        <pc:spChg chg="mod ord">
          <ac:chgData name="Matias Vázquez Piñón" userId="2f86a967-3c9c-4a39-b538-7e6c0574d83d" providerId="ADAL" clId="{6594851D-CEE0-4A2C-876F-BED761A92EC3}" dt="2022-08-23T10:39:29.021" v="2599" actId="26606"/>
          <ac:spMkLst>
            <pc:docMk/>
            <pc:sldMk cId="3451113877" sldId="296"/>
            <ac:spMk id="5" creationId="{212DECE0-B7BC-6B8C-4FBA-07C43735591E}"/>
          </ac:spMkLst>
        </pc:spChg>
        <pc:spChg chg="add mod ord">
          <ac:chgData name="Matias Vázquez Piñón" userId="2f86a967-3c9c-4a39-b538-7e6c0574d83d" providerId="ADAL" clId="{6594851D-CEE0-4A2C-876F-BED761A92EC3}" dt="2022-08-23T10:39:29.021" v="2599" actId="26606"/>
          <ac:spMkLst>
            <pc:docMk/>
            <pc:sldMk cId="3451113877" sldId="296"/>
            <ac:spMk id="6" creationId="{596685D5-B7E8-EC7A-7FCE-81735F69E848}"/>
          </ac:spMkLst>
        </pc:spChg>
        <pc:spChg chg="add del mod ord">
          <ac:chgData name="Matias Vázquez Piñón" userId="2f86a967-3c9c-4a39-b538-7e6c0574d83d" providerId="ADAL" clId="{6594851D-CEE0-4A2C-876F-BED761A92EC3}" dt="2022-08-23T10:39:29.021" v="2599" actId="26606"/>
          <ac:spMkLst>
            <pc:docMk/>
            <pc:sldMk cId="3451113877" sldId="296"/>
            <ac:spMk id="7" creationId="{22E25C78-7D4D-A985-DD37-65537444D6F1}"/>
          </ac:spMkLst>
        </pc:spChg>
        <pc:spChg chg="add del mod">
          <ac:chgData name="Matias Vázquez Piñón" userId="2f86a967-3c9c-4a39-b538-7e6c0574d83d" providerId="ADAL" clId="{6594851D-CEE0-4A2C-876F-BED761A92EC3}" dt="2022-08-23T10:39:14.667" v="2595" actId="21"/>
          <ac:spMkLst>
            <pc:docMk/>
            <pc:sldMk cId="3451113877" sldId="296"/>
            <ac:spMk id="17" creationId="{EAD7966C-8823-2216-4B96-658A578210A9}"/>
          </ac:spMkLst>
        </pc:spChg>
        <pc:spChg chg="add del mod">
          <ac:chgData name="Matias Vázquez Piñón" userId="2f86a967-3c9c-4a39-b538-7e6c0574d83d" providerId="ADAL" clId="{6594851D-CEE0-4A2C-876F-BED761A92EC3}" dt="2022-08-23T10:39:14.355" v="2594"/>
          <ac:spMkLst>
            <pc:docMk/>
            <pc:sldMk cId="3451113877" sldId="296"/>
            <ac:spMk id="18" creationId="{FA380F1D-8343-9B25-8E63-3350BEE9A194}"/>
          </ac:spMkLst>
        </pc:spChg>
        <pc:spChg chg="add del mod ord">
          <ac:chgData name="Matias Vázquez Piñón" userId="2f86a967-3c9c-4a39-b538-7e6c0574d83d" providerId="ADAL" clId="{6594851D-CEE0-4A2C-876F-BED761A92EC3}" dt="2022-08-23T10:39:21.814" v="2598"/>
          <ac:spMkLst>
            <pc:docMk/>
            <pc:sldMk cId="3451113877" sldId="296"/>
            <ac:spMk id="19" creationId="{4C2D0975-FF8A-9ECD-D190-61C400DE71A5}"/>
          </ac:spMkLst>
        </pc:spChg>
        <pc:spChg chg="add del mod">
          <ac:chgData name="Matias Vázquez Piñón" userId="2f86a967-3c9c-4a39-b538-7e6c0574d83d" providerId="ADAL" clId="{6594851D-CEE0-4A2C-876F-BED761A92EC3}" dt="2022-08-23T10:39:48.151" v="2605"/>
          <ac:spMkLst>
            <pc:docMk/>
            <pc:sldMk cId="3451113877" sldId="296"/>
            <ac:spMk id="21" creationId="{964C1D91-A42F-AAE4-F40E-B23D6BF75F8F}"/>
          </ac:spMkLst>
        </pc:spChg>
        <pc:spChg chg="add del mod">
          <ac:chgData name="Matias Vázquez Piñón" userId="2f86a967-3c9c-4a39-b538-7e6c0574d83d" providerId="ADAL" clId="{6594851D-CEE0-4A2C-876F-BED761A92EC3}" dt="2022-08-23T10:40:16.573" v="2608" actId="478"/>
          <ac:spMkLst>
            <pc:docMk/>
            <pc:sldMk cId="3451113877" sldId="296"/>
            <ac:spMk id="26" creationId="{B3B9ECD4-9F67-AB29-C90C-7F914A00CF84}"/>
          </ac:spMkLst>
        </pc:spChg>
        <pc:spChg chg="mod">
          <ac:chgData name="Matias Vázquez Piñón" userId="2f86a967-3c9c-4a39-b538-7e6c0574d83d" providerId="ADAL" clId="{6594851D-CEE0-4A2C-876F-BED761A92EC3}" dt="2022-08-23T10:40:13.485" v="2607"/>
          <ac:spMkLst>
            <pc:docMk/>
            <pc:sldMk cId="3451113877" sldId="296"/>
            <ac:spMk id="29" creationId="{B779BB4F-2CB3-C0F3-19FC-661F59CB09CE}"/>
          </ac:spMkLst>
        </pc:spChg>
        <pc:spChg chg="mod">
          <ac:chgData name="Matias Vázquez Piñón" userId="2f86a967-3c9c-4a39-b538-7e6c0574d83d" providerId="ADAL" clId="{6594851D-CEE0-4A2C-876F-BED761A92EC3}" dt="2022-08-23T10:40:13.485" v="2607"/>
          <ac:spMkLst>
            <pc:docMk/>
            <pc:sldMk cId="3451113877" sldId="296"/>
            <ac:spMk id="30" creationId="{B77C55CD-A389-B281-D72E-9AAA2AE2D4EA}"/>
          </ac:spMkLst>
        </pc:spChg>
        <pc:spChg chg="mod">
          <ac:chgData name="Matias Vázquez Piñón" userId="2f86a967-3c9c-4a39-b538-7e6c0574d83d" providerId="ADAL" clId="{6594851D-CEE0-4A2C-876F-BED761A92EC3}" dt="2022-08-23T10:40:13.485" v="2607"/>
          <ac:spMkLst>
            <pc:docMk/>
            <pc:sldMk cId="3451113877" sldId="296"/>
            <ac:spMk id="32" creationId="{80FBF7EE-403A-B050-8F9B-A95303ACDA01}"/>
          </ac:spMkLst>
        </pc:spChg>
        <pc:spChg chg="mod">
          <ac:chgData name="Matias Vázquez Piñón" userId="2f86a967-3c9c-4a39-b538-7e6c0574d83d" providerId="ADAL" clId="{6594851D-CEE0-4A2C-876F-BED761A92EC3}" dt="2022-08-23T10:40:13.485" v="2607"/>
          <ac:spMkLst>
            <pc:docMk/>
            <pc:sldMk cId="3451113877" sldId="296"/>
            <ac:spMk id="33" creationId="{B60642F3-CF23-096D-0517-25E207360C9B}"/>
          </ac:spMkLst>
        </pc:spChg>
        <pc:spChg chg="add mod">
          <ac:chgData name="Matias Vázquez Piñón" userId="2f86a967-3c9c-4a39-b538-7e6c0574d83d" providerId="ADAL" clId="{6594851D-CEE0-4A2C-876F-BED761A92EC3}" dt="2022-08-23T10:40:13.485" v="2607"/>
          <ac:spMkLst>
            <pc:docMk/>
            <pc:sldMk cId="3451113877" sldId="296"/>
            <ac:spMk id="34" creationId="{BAEC474E-ADBA-F582-3F66-9DEF53389C66}"/>
          </ac:spMkLst>
        </pc:spChg>
        <pc:grpChg chg="add mod">
          <ac:chgData name="Matias Vázquez Piñón" userId="2f86a967-3c9c-4a39-b538-7e6c0574d83d" providerId="ADAL" clId="{6594851D-CEE0-4A2C-876F-BED761A92EC3}" dt="2022-08-23T10:40:13.485" v="2607"/>
          <ac:grpSpMkLst>
            <pc:docMk/>
            <pc:sldMk cId="3451113877" sldId="296"/>
            <ac:grpSpMk id="28" creationId="{861D5FB5-ABFB-6455-BE36-112EDF190FC5}"/>
          </ac:grpSpMkLst>
        </pc:grpChg>
        <pc:grpChg chg="add mod">
          <ac:chgData name="Matias Vázquez Piñón" userId="2f86a967-3c9c-4a39-b538-7e6c0574d83d" providerId="ADAL" clId="{6594851D-CEE0-4A2C-876F-BED761A92EC3}" dt="2022-08-23T10:40:13.485" v="2607"/>
          <ac:grpSpMkLst>
            <pc:docMk/>
            <pc:sldMk cId="3451113877" sldId="296"/>
            <ac:grpSpMk id="31" creationId="{829E8DFF-03D3-8671-5F53-284A396258F3}"/>
          </ac:grpSpMkLst>
        </pc:grpChg>
        <pc:picChg chg="add del mod modCrop">
          <ac:chgData name="Matias Vázquez Piñón" userId="2f86a967-3c9c-4a39-b538-7e6c0574d83d" providerId="ADAL" clId="{6594851D-CEE0-4A2C-876F-BED761A92EC3}" dt="2022-08-23T10:39:20.349" v="2597" actId="21"/>
          <ac:picMkLst>
            <pc:docMk/>
            <pc:sldMk cId="3451113877" sldId="296"/>
            <ac:picMk id="8" creationId="{229D5896-F944-ED28-2576-F028BDCA7F8A}"/>
          </ac:picMkLst>
        </pc:picChg>
        <pc:picChg chg="add del mod">
          <ac:chgData name="Matias Vázquez Piñón" userId="2f86a967-3c9c-4a39-b538-7e6c0574d83d" providerId="ADAL" clId="{6594851D-CEE0-4A2C-876F-BED761A92EC3}" dt="2022-08-23T10:39:43.630" v="2602" actId="478"/>
          <ac:picMkLst>
            <pc:docMk/>
            <pc:sldMk cId="3451113877" sldId="296"/>
            <ac:picMk id="20" creationId="{08666527-E772-38C0-9D09-520F5AE4ECA8}"/>
          </ac:picMkLst>
        </pc:picChg>
        <pc:picChg chg="add del mod">
          <ac:chgData name="Matias Vázquez Piñón" userId="2f86a967-3c9c-4a39-b538-7e6c0574d83d" providerId="ADAL" clId="{6594851D-CEE0-4A2C-876F-BED761A92EC3}" dt="2022-08-23T10:39:45.483" v="2604"/>
          <ac:picMkLst>
            <pc:docMk/>
            <pc:sldMk cId="3451113877" sldId="296"/>
            <ac:picMk id="22" creationId="{D1D3B936-8059-6070-8865-DA2009E87E91}"/>
          </ac:picMkLst>
        </pc:picChg>
        <pc:picChg chg="add del mod">
          <ac:chgData name="Matias Vázquez Piñón" userId="2f86a967-3c9c-4a39-b538-7e6c0574d83d" providerId="ADAL" clId="{6594851D-CEE0-4A2C-876F-BED761A92EC3}" dt="2022-08-23T10:40:12.796" v="2606" actId="478"/>
          <ac:picMkLst>
            <pc:docMk/>
            <pc:sldMk cId="3451113877" sldId="296"/>
            <ac:picMk id="25" creationId="{A080F4CE-BABF-6608-D204-45D7B85F66CA}"/>
          </ac:picMkLst>
        </pc:picChg>
        <pc:picChg chg="add mod">
          <ac:chgData name="Matias Vázquez Piñón" userId="2f86a967-3c9c-4a39-b538-7e6c0574d83d" providerId="ADAL" clId="{6594851D-CEE0-4A2C-876F-BED761A92EC3}" dt="2022-08-23T10:40:13.485" v="2607"/>
          <ac:picMkLst>
            <pc:docMk/>
            <pc:sldMk cId="3451113877" sldId="296"/>
            <ac:picMk id="27" creationId="{DB966A21-301A-F029-868C-DD75802CFF4E}"/>
          </ac:picMkLst>
        </pc:picChg>
        <pc:inkChg chg="add del">
          <ac:chgData name="Matias Vázquez Piñón" userId="2f86a967-3c9c-4a39-b538-7e6c0574d83d" providerId="ADAL" clId="{6594851D-CEE0-4A2C-876F-BED761A92EC3}" dt="2022-08-23T08:29:52.847" v="2579" actId="9405"/>
          <ac:inkMkLst>
            <pc:docMk/>
            <pc:sldMk cId="3451113877" sldId="296"/>
            <ac:inkMk id="9" creationId="{AA9F0C54-AF31-5FB0-4850-50C83316619E}"/>
          </ac:inkMkLst>
        </pc:inkChg>
        <pc:inkChg chg="add del">
          <ac:chgData name="Matias Vázquez Piñón" userId="2f86a967-3c9c-4a39-b538-7e6c0574d83d" providerId="ADAL" clId="{6594851D-CEE0-4A2C-876F-BED761A92EC3}" dt="2022-08-23T08:29:52.269" v="2578" actId="9405"/>
          <ac:inkMkLst>
            <pc:docMk/>
            <pc:sldMk cId="3451113877" sldId="296"/>
            <ac:inkMk id="10" creationId="{335D1F6B-784C-FC88-3866-AE548E31F9F1}"/>
          </ac:inkMkLst>
        </pc:inkChg>
        <pc:inkChg chg="add del">
          <ac:chgData name="Matias Vázquez Piñón" userId="2f86a967-3c9c-4a39-b538-7e6c0574d83d" providerId="ADAL" clId="{6594851D-CEE0-4A2C-876F-BED761A92EC3}" dt="2022-08-23T10:39:03.389" v="2591" actId="9405"/>
          <ac:inkMkLst>
            <pc:docMk/>
            <pc:sldMk cId="3451113877" sldId="296"/>
            <ac:inkMk id="11" creationId="{43D8C65F-B327-B7F7-18A2-872D7E33EE95}"/>
          </ac:inkMkLst>
        </pc:inkChg>
        <pc:inkChg chg="add del">
          <ac:chgData name="Matias Vázquez Piñón" userId="2f86a967-3c9c-4a39-b538-7e6c0574d83d" providerId="ADAL" clId="{6594851D-CEE0-4A2C-876F-BED761A92EC3}" dt="2022-08-23T10:39:01.347" v="2590" actId="9405"/>
          <ac:inkMkLst>
            <pc:docMk/>
            <pc:sldMk cId="3451113877" sldId="296"/>
            <ac:inkMk id="12" creationId="{82B4EFBF-8C5C-15C6-DB36-C22B47C19CFA}"/>
          </ac:inkMkLst>
        </pc:inkChg>
        <pc:inkChg chg="add del">
          <ac:chgData name="Matias Vázquez Piñón" userId="2f86a967-3c9c-4a39-b538-7e6c0574d83d" providerId="ADAL" clId="{6594851D-CEE0-4A2C-876F-BED761A92EC3}" dt="2022-08-23T10:39:00.033" v="2589" actId="9405"/>
          <ac:inkMkLst>
            <pc:docMk/>
            <pc:sldMk cId="3451113877" sldId="296"/>
            <ac:inkMk id="13" creationId="{5610918B-B261-0A20-C2DB-8952268DD5E2}"/>
          </ac:inkMkLst>
        </pc:inkChg>
        <pc:inkChg chg="add del">
          <ac:chgData name="Matias Vázquez Piñón" userId="2f86a967-3c9c-4a39-b538-7e6c0574d83d" providerId="ADAL" clId="{6594851D-CEE0-4A2C-876F-BED761A92EC3}" dt="2022-08-23T10:38:58.283" v="2588" actId="9405"/>
          <ac:inkMkLst>
            <pc:docMk/>
            <pc:sldMk cId="3451113877" sldId="296"/>
            <ac:inkMk id="14" creationId="{CD6B650D-79AA-CC89-53B7-5796244AAAF9}"/>
          </ac:inkMkLst>
        </pc:inkChg>
        <pc:inkChg chg="add del">
          <ac:chgData name="Matias Vázquez Piñón" userId="2f86a967-3c9c-4a39-b538-7e6c0574d83d" providerId="ADAL" clId="{6594851D-CEE0-4A2C-876F-BED761A92EC3}" dt="2022-08-23T10:38:56.626" v="2587" actId="9405"/>
          <ac:inkMkLst>
            <pc:docMk/>
            <pc:sldMk cId="3451113877" sldId="296"/>
            <ac:inkMk id="15" creationId="{8498FED9-933D-81F7-64D1-8DC90B6FEB79}"/>
          </ac:inkMkLst>
        </pc:inkChg>
        <pc:inkChg chg="add del">
          <ac:chgData name="Matias Vázquez Piñón" userId="2f86a967-3c9c-4a39-b538-7e6c0574d83d" providerId="ADAL" clId="{6594851D-CEE0-4A2C-876F-BED761A92EC3}" dt="2022-08-23T10:38:55.128" v="2586" actId="9405"/>
          <ac:inkMkLst>
            <pc:docMk/>
            <pc:sldMk cId="3451113877" sldId="296"/>
            <ac:inkMk id="16" creationId="{F91CCD61-58E8-2EB5-77E0-173222E429E0}"/>
          </ac:inkMkLst>
        </pc:inkChg>
      </pc:sldChg>
      <pc:sldChg chg="modSp add mod">
        <pc:chgData name="Matias Vázquez Piñón" userId="2f86a967-3c9c-4a39-b538-7e6c0574d83d" providerId="ADAL" clId="{6594851D-CEE0-4A2C-876F-BED761A92EC3}" dt="2022-08-23T11:12:56.596" v="3091" actId="27636"/>
        <pc:sldMkLst>
          <pc:docMk/>
          <pc:sldMk cId="2684454245" sldId="297"/>
        </pc:sldMkLst>
        <pc:spChg chg="mod">
          <ac:chgData name="Matias Vázquez Piñón" userId="2f86a967-3c9c-4a39-b538-7e6c0574d83d" providerId="ADAL" clId="{6594851D-CEE0-4A2C-876F-BED761A92EC3}" dt="2022-08-23T11:12:56.596" v="3091" actId="27636"/>
          <ac:spMkLst>
            <pc:docMk/>
            <pc:sldMk cId="2684454245" sldId="297"/>
            <ac:spMk id="7" creationId="{22E25C78-7D4D-A985-DD37-65537444D6F1}"/>
          </ac:spMkLst>
        </pc:spChg>
      </pc:sldChg>
      <pc:sldChg chg="addSp delSp modSp add mod ord">
        <pc:chgData name="Matias Vázquez Piñón" userId="2f86a967-3c9c-4a39-b538-7e6c0574d83d" providerId="ADAL" clId="{6594851D-CEE0-4A2C-876F-BED761A92EC3}" dt="2022-08-23T11:28:30.481" v="3316" actId="1076"/>
        <pc:sldMkLst>
          <pc:docMk/>
          <pc:sldMk cId="1509932029" sldId="298"/>
        </pc:sldMkLst>
        <pc:spChg chg="mod">
          <ac:chgData name="Matias Vázquez Piñón" userId="2f86a967-3c9c-4a39-b538-7e6c0574d83d" providerId="ADAL" clId="{6594851D-CEE0-4A2C-876F-BED761A92EC3}" dt="2022-08-23T11:16:08.954" v="3208" actId="20577"/>
          <ac:spMkLst>
            <pc:docMk/>
            <pc:sldMk cId="1509932029" sldId="298"/>
            <ac:spMk id="2" creationId="{AB517934-053F-FF86-552E-F307D2D9DA4B}"/>
          </ac:spMkLst>
        </pc:spChg>
        <pc:spChg chg="add mod">
          <ac:chgData name="Matias Vázquez Piñón" userId="2f86a967-3c9c-4a39-b538-7e6c0574d83d" providerId="ADAL" clId="{6594851D-CEE0-4A2C-876F-BED761A92EC3}" dt="2022-08-23T11:28:30.481" v="3316" actId="1076"/>
          <ac:spMkLst>
            <pc:docMk/>
            <pc:sldMk cId="1509932029" sldId="298"/>
            <ac:spMk id="4" creationId="{5E976D3D-84C2-A052-441A-7AA8EEA16F93}"/>
          </ac:spMkLst>
        </pc:spChg>
        <pc:spChg chg="mod">
          <ac:chgData name="Matias Vázquez Piñón" userId="2f86a967-3c9c-4a39-b538-7e6c0574d83d" providerId="ADAL" clId="{6594851D-CEE0-4A2C-876F-BED761A92EC3}" dt="2022-08-23T11:19:33.050" v="3241" actId="6549"/>
          <ac:spMkLst>
            <pc:docMk/>
            <pc:sldMk cId="1509932029" sldId="298"/>
            <ac:spMk id="6" creationId="{A2A309B0-A3E7-707D-2E82-3AC7B3C91B3A}"/>
          </ac:spMkLst>
        </pc:spChg>
        <pc:picChg chg="del">
          <ac:chgData name="Matias Vázquez Piñón" userId="2f86a967-3c9c-4a39-b538-7e6c0574d83d" providerId="ADAL" clId="{6594851D-CEE0-4A2C-876F-BED761A92EC3}" dt="2022-08-23T11:18:51.853" v="3229" actId="478"/>
          <ac:picMkLst>
            <pc:docMk/>
            <pc:sldMk cId="1509932029" sldId="298"/>
            <ac:picMk id="7" creationId="{1AC9C3A6-69CC-E4E1-1252-A22F3B2C6BD0}"/>
          </ac:picMkLst>
        </pc:picChg>
      </pc:sldChg>
      <pc:sldChg chg="addSp delSp modSp new mod modClrScheme chgLayout">
        <pc:chgData name="Matias Vázquez Piñón" userId="2f86a967-3c9c-4a39-b538-7e6c0574d83d" providerId="ADAL" clId="{6594851D-CEE0-4A2C-876F-BED761A92EC3}" dt="2022-08-23T14:33:30.972" v="4092" actId="700"/>
        <pc:sldMkLst>
          <pc:docMk/>
          <pc:sldMk cId="2756905196" sldId="299"/>
        </pc:sldMkLst>
        <pc:spChg chg="mod ord">
          <ac:chgData name="Matias Vázquez Piñón" userId="2f86a967-3c9c-4a39-b538-7e6c0574d83d" providerId="ADAL" clId="{6594851D-CEE0-4A2C-876F-BED761A92EC3}" dt="2022-08-23T14:33:30.972" v="4092" actId="700"/>
          <ac:spMkLst>
            <pc:docMk/>
            <pc:sldMk cId="2756905196" sldId="299"/>
            <ac:spMk id="2" creationId="{91B6A529-D782-58F2-7F2C-72CE504C540A}"/>
          </ac:spMkLst>
        </pc:spChg>
        <pc:spChg chg="mod ord">
          <ac:chgData name="Matias Vázquez Piñón" userId="2f86a967-3c9c-4a39-b538-7e6c0574d83d" providerId="ADAL" clId="{6594851D-CEE0-4A2C-876F-BED761A92EC3}" dt="2022-08-23T14:33:30.972" v="4092" actId="700"/>
          <ac:spMkLst>
            <pc:docMk/>
            <pc:sldMk cId="2756905196" sldId="299"/>
            <ac:spMk id="3" creationId="{1E925318-DB10-559E-E874-F50EAAE8AB6A}"/>
          </ac:spMkLst>
        </pc:spChg>
        <pc:spChg chg="del">
          <ac:chgData name="Matias Vázquez Piñón" userId="2f86a967-3c9c-4a39-b538-7e6c0574d83d" providerId="ADAL" clId="{6594851D-CEE0-4A2C-876F-BED761A92EC3}" dt="2022-08-23T14:07:49.195" v="3568" actId="1032"/>
          <ac:spMkLst>
            <pc:docMk/>
            <pc:sldMk cId="2756905196" sldId="299"/>
            <ac:spMk id="4" creationId="{E810789B-875B-D7B4-9C3C-3D886793E7DB}"/>
          </ac:spMkLst>
        </pc:spChg>
        <pc:spChg chg="mod ord">
          <ac:chgData name="Matias Vázquez Piñón" userId="2f86a967-3c9c-4a39-b538-7e6c0574d83d" providerId="ADAL" clId="{6594851D-CEE0-4A2C-876F-BED761A92EC3}" dt="2022-08-23T14:33:30.972" v="4092" actId="700"/>
          <ac:spMkLst>
            <pc:docMk/>
            <pc:sldMk cId="2756905196" sldId="299"/>
            <ac:spMk id="5" creationId="{0C94D3B0-9549-9297-0CE7-A8ED88D243CE}"/>
          </ac:spMkLst>
        </pc:spChg>
        <pc:spChg chg="add del mod ord">
          <ac:chgData name="Matias Vázquez Piñón" userId="2f86a967-3c9c-4a39-b538-7e6c0574d83d" providerId="ADAL" clId="{6594851D-CEE0-4A2C-876F-BED761A92EC3}" dt="2022-08-23T14:18:15.977" v="3658" actId="700"/>
          <ac:spMkLst>
            <pc:docMk/>
            <pc:sldMk cId="2756905196" sldId="299"/>
            <ac:spMk id="8" creationId="{B36C9927-1F78-9350-09D7-4AF8DCF03C27}"/>
          </ac:spMkLst>
        </pc:spChg>
        <pc:spChg chg="add del mod ord">
          <ac:chgData name="Matias Vázquez Piñón" userId="2f86a967-3c9c-4a39-b538-7e6c0574d83d" providerId="ADAL" clId="{6594851D-CEE0-4A2C-876F-BED761A92EC3}" dt="2022-08-23T14:18:18.126" v="3659"/>
          <ac:spMkLst>
            <pc:docMk/>
            <pc:sldMk cId="2756905196" sldId="299"/>
            <ac:spMk id="9" creationId="{ADDE5679-AC61-DB64-C4BA-A1515853A414}"/>
          </ac:spMkLst>
        </pc:spChg>
        <pc:spChg chg="add del mod ord">
          <ac:chgData name="Matias Vázquez Piñón" userId="2f86a967-3c9c-4a39-b538-7e6c0574d83d" providerId="ADAL" clId="{6594851D-CEE0-4A2C-876F-BED761A92EC3}" dt="2022-08-23T14:18:23.248" v="3660"/>
          <ac:spMkLst>
            <pc:docMk/>
            <pc:sldMk cId="2756905196" sldId="299"/>
            <ac:spMk id="10" creationId="{CDC94609-712A-DB48-18D6-6205E5AA8B6E}"/>
          </ac:spMkLst>
        </pc:spChg>
        <pc:graphicFrameChg chg="add del mod modGraphic">
          <ac:chgData name="Matias Vázquez Piñón" userId="2f86a967-3c9c-4a39-b538-7e6c0574d83d" providerId="ADAL" clId="{6594851D-CEE0-4A2C-876F-BED761A92EC3}" dt="2022-08-23T14:18:13.173" v="3657" actId="21"/>
          <ac:graphicFrameMkLst>
            <pc:docMk/>
            <pc:sldMk cId="2756905196" sldId="299"/>
            <ac:graphicFrameMk id="6" creationId="{5840442B-F73B-CF1C-A974-B1A9741435D1}"/>
          </ac:graphicFrameMkLst>
        </pc:graphicFrameChg>
        <pc:graphicFrameChg chg="add mod ord">
          <ac:chgData name="Matias Vázquez Piñón" userId="2f86a967-3c9c-4a39-b538-7e6c0574d83d" providerId="ADAL" clId="{6594851D-CEE0-4A2C-876F-BED761A92EC3}" dt="2022-08-23T14:33:30.972" v="4092" actId="700"/>
          <ac:graphicFrameMkLst>
            <pc:docMk/>
            <pc:sldMk cId="2756905196" sldId="299"/>
            <ac:graphicFrameMk id="11" creationId="{8FEFF800-6F9A-0555-AA31-B91718800635}"/>
          </ac:graphicFrameMkLst>
        </pc:graphicFrameChg>
        <pc:graphicFrameChg chg="add mod ord">
          <ac:chgData name="Matias Vázquez Piñón" userId="2f86a967-3c9c-4a39-b538-7e6c0574d83d" providerId="ADAL" clId="{6594851D-CEE0-4A2C-876F-BED761A92EC3}" dt="2022-08-23T14:33:30.972" v="4092" actId="700"/>
          <ac:graphicFrameMkLst>
            <pc:docMk/>
            <pc:sldMk cId="2756905196" sldId="299"/>
            <ac:graphicFrameMk id="12" creationId="{096B2C6C-19A7-A943-7B5B-57C0D7C288BE}"/>
          </ac:graphicFrameMkLst>
        </pc:graphicFrameChg>
      </pc:sldChg>
      <pc:sldChg chg="addSp delSp modSp new mod">
        <pc:chgData name="Matias Vázquez Piñón" userId="2f86a967-3c9c-4a39-b538-7e6c0574d83d" providerId="ADAL" clId="{6594851D-CEE0-4A2C-876F-BED761A92EC3}" dt="2022-08-23T14:52:07.041" v="4465" actId="20577"/>
        <pc:sldMkLst>
          <pc:docMk/>
          <pc:sldMk cId="1883341490" sldId="300"/>
        </pc:sldMkLst>
        <pc:spChg chg="mod">
          <ac:chgData name="Matias Vázquez Piñón" userId="2f86a967-3c9c-4a39-b538-7e6c0574d83d" providerId="ADAL" clId="{6594851D-CEE0-4A2C-876F-BED761A92EC3}" dt="2022-08-23T14:33:38.352" v="4107" actId="20577"/>
          <ac:spMkLst>
            <pc:docMk/>
            <pc:sldMk cId="1883341490" sldId="300"/>
            <ac:spMk id="2" creationId="{0E30A4F2-8416-2E36-BB7A-5177088E1586}"/>
          </ac:spMkLst>
        </pc:spChg>
        <pc:spChg chg="del mod">
          <ac:chgData name="Matias Vázquez Piñón" userId="2f86a967-3c9c-4a39-b538-7e6c0574d83d" providerId="ADAL" clId="{6594851D-CEE0-4A2C-876F-BED761A92EC3}" dt="2022-08-23T14:36:18.563" v="4110" actId="3680"/>
          <ac:spMkLst>
            <pc:docMk/>
            <pc:sldMk cId="1883341490" sldId="300"/>
            <ac:spMk id="3" creationId="{F881183E-116F-086A-BFC1-6ABC1968D870}"/>
          </ac:spMkLst>
        </pc:spChg>
        <pc:spChg chg="del">
          <ac:chgData name="Matias Vázquez Piñón" userId="2f86a967-3c9c-4a39-b538-7e6c0574d83d" providerId="ADAL" clId="{6594851D-CEE0-4A2C-876F-BED761A92EC3}" dt="2022-08-23T14:42:05.416" v="4349" actId="3680"/>
          <ac:spMkLst>
            <pc:docMk/>
            <pc:sldMk cId="1883341490" sldId="300"/>
            <ac:spMk id="4" creationId="{65122584-93EB-CB41-05CA-60FF72EBE8B1}"/>
          </ac:spMkLst>
        </pc:spChg>
        <pc:spChg chg="add del mod">
          <ac:chgData name="Matias Vázquez Piñón" userId="2f86a967-3c9c-4a39-b538-7e6c0574d83d" providerId="ADAL" clId="{6594851D-CEE0-4A2C-876F-BED761A92EC3}" dt="2022-08-23T14:38:08.867" v="4179"/>
          <ac:spMkLst>
            <pc:docMk/>
            <pc:sldMk cId="1883341490" sldId="300"/>
            <ac:spMk id="8" creationId="{C236EF59-9A0B-1D49-8DA2-0764081502D1}"/>
          </ac:spMkLst>
        </pc:spChg>
        <pc:spChg chg="add del mod">
          <ac:chgData name="Matias Vázquez Piñón" userId="2f86a967-3c9c-4a39-b538-7e6c0574d83d" providerId="ADAL" clId="{6594851D-CEE0-4A2C-876F-BED761A92EC3}" dt="2022-08-23T14:40:54.902" v="4341"/>
          <ac:spMkLst>
            <pc:docMk/>
            <pc:sldMk cId="1883341490" sldId="300"/>
            <ac:spMk id="11" creationId="{EE7F525B-39FC-A757-7E21-17872886F68E}"/>
          </ac:spMkLst>
        </pc:spChg>
        <pc:spChg chg="add mod">
          <ac:chgData name="Matias Vázquez Piñón" userId="2f86a967-3c9c-4a39-b538-7e6c0574d83d" providerId="ADAL" clId="{6594851D-CEE0-4A2C-876F-BED761A92EC3}" dt="2022-08-23T14:51:35.002" v="4457" actId="13822"/>
          <ac:spMkLst>
            <pc:docMk/>
            <pc:sldMk cId="1883341490" sldId="300"/>
            <ac:spMk id="14" creationId="{72ADE4D3-2313-C59C-BC50-BC5471C55E1E}"/>
          </ac:spMkLst>
        </pc:spChg>
        <pc:spChg chg="add del mod">
          <ac:chgData name="Matias Vázquez Piñón" userId="2f86a967-3c9c-4a39-b538-7e6c0574d83d" providerId="ADAL" clId="{6594851D-CEE0-4A2C-876F-BED761A92EC3}" dt="2022-08-23T14:52:04.047" v="4464" actId="478"/>
          <ac:spMkLst>
            <pc:docMk/>
            <pc:sldMk cId="1883341490" sldId="300"/>
            <ac:spMk id="16" creationId="{EC75A3E1-EB71-C3E7-840B-0DEFFA88681E}"/>
          </ac:spMkLst>
        </pc:spChg>
        <pc:graphicFrameChg chg="add del mod ord modGraphic">
          <ac:chgData name="Matias Vázquez Piñón" userId="2f86a967-3c9c-4a39-b538-7e6c0574d83d" providerId="ADAL" clId="{6594851D-CEE0-4A2C-876F-BED761A92EC3}" dt="2022-08-23T14:38:07.129" v="4178" actId="21"/>
          <ac:graphicFrameMkLst>
            <pc:docMk/>
            <pc:sldMk cId="1883341490" sldId="300"/>
            <ac:graphicFrameMk id="6" creationId="{DC35752A-685F-FD89-9AE8-E9C822797591}"/>
          </ac:graphicFrameMkLst>
        </pc:graphicFrameChg>
        <pc:graphicFrameChg chg="add del mod modGraphic">
          <ac:chgData name="Matias Vázquez Piñón" userId="2f86a967-3c9c-4a39-b538-7e6c0574d83d" providerId="ADAL" clId="{6594851D-CEE0-4A2C-876F-BED761A92EC3}" dt="2022-08-23T14:40:53.540" v="4340" actId="21"/>
          <ac:graphicFrameMkLst>
            <pc:docMk/>
            <pc:sldMk cId="1883341490" sldId="300"/>
            <ac:graphicFrameMk id="9" creationId="{9A58FEF4-1841-06BE-AD65-E22146A69B45}"/>
          </ac:graphicFrameMkLst>
        </pc:graphicFrameChg>
        <pc:graphicFrameChg chg="add mod modGraphic">
          <ac:chgData name="Matias Vázquez Piñón" userId="2f86a967-3c9c-4a39-b538-7e6c0574d83d" providerId="ADAL" clId="{6594851D-CEE0-4A2C-876F-BED761A92EC3}" dt="2022-08-23T14:51:13.355" v="4455" actId="6549"/>
          <ac:graphicFrameMkLst>
            <pc:docMk/>
            <pc:sldMk cId="1883341490" sldId="300"/>
            <ac:graphicFrameMk id="12" creationId="{FF392F1F-AA00-2474-B4A3-E7EC8C4A4A4C}"/>
          </ac:graphicFrameMkLst>
        </pc:graphicFrameChg>
        <pc:graphicFrameChg chg="add del mod ord modGraphic">
          <ac:chgData name="Matias Vázquez Piñón" userId="2f86a967-3c9c-4a39-b538-7e6c0574d83d" providerId="ADAL" clId="{6594851D-CEE0-4A2C-876F-BED761A92EC3}" dt="2022-08-23T14:51:51.710" v="4460" actId="478"/>
          <ac:graphicFrameMkLst>
            <pc:docMk/>
            <pc:sldMk cId="1883341490" sldId="300"/>
            <ac:graphicFrameMk id="13" creationId="{2E7B9D2E-3505-0FE3-D7D0-38EB943D3D6E}"/>
          </ac:graphicFrameMkLst>
        </pc:graphicFrameChg>
        <pc:graphicFrameChg chg="add mod modGraphic">
          <ac:chgData name="Matias Vázquez Piñón" userId="2f86a967-3c9c-4a39-b538-7e6c0574d83d" providerId="ADAL" clId="{6594851D-CEE0-4A2C-876F-BED761A92EC3}" dt="2022-08-23T14:52:07.041" v="4465" actId="20577"/>
          <ac:graphicFrameMkLst>
            <pc:docMk/>
            <pc:sldMk cId="1883341490" sldId="300"/>
            <ac:graphicFrameMk id="17" creationId="{699780A3-DB70-7C88-A025-80C08D89D093}"/>
          </ac:graphicFrameMkLst>
        </pc:graphicFrameChg>
      </pc:sldChg>
      <pc:sldChg chg="modSp add mod">
        <pc:chgData name="Matias Vázquez Piñón" userId="2f86a967-3c9c-4a39-b538-7e6c0574d83d" providerId="ADAL" clId="{6594851D-CEE0-4A2C-876F-BED761A92EC3}" dt="2022-08-23T14:51:41.513" v="4459" actId="1076"/>
        <pc:sldMkLst>
          <pc:docMk/>
          <pc:sldMk cId="2968579628" sldId="301"/>
        </pc:sldMkLst>
        <pc:spChg chg="mod">
          <ac:chgData name="Matias Vázquez Piñón" userId="2f86a967-3c9c-4a39-b538-7e6c0574d83d" providerId="ADAL" clId="{6594851D-CEE0-4A2C-876F-BED761A92EC3}" dt="2022-08-23T14:51:41.513" v="4459" actId="1076"/>
          <ac:spMkLst>
            <pc:docMk/>
            <pc:sldMk cId="2968579628" sldId="301"/>
            <ac:spMk id="14" creationId="{72ADE4D3-2313-C59C-BC50-BC5471C55E1E}"/>
          </ac:spMkLst>
        </pc:spChg>
        <pc:graphicFrameChg chg="mod modGraphic">
          <ac:chgData name="Matias Vázquez Piñón" userId="2f86a967-3c9c-4a39-b538-7e6c0574d83d" providerId="ADAL" clId="{6594851D-CEE0-4A2C-876F-BED761A92EC3}" dt="2022-08-23T14:48:30.633" v="4427" actId="6549"/>
          <ac:graphicFrameMkLst>
            <pc:docMk/>
            <pc:sldMk cId="2968579628" sldId="301"/>
            <ac:graphicFrameMk id="12" creationId="{FF392F1F-AA00-2474-B4A3-E7EC8C4A4A4C}"/>
          </ac:graphicFrameMkLst>
        </pc:graphicFrameChg>
        <pc:graphicFrameChg chg="mod modGraphic">
          <ac:chgData name="Matias Vázquez Piñón" userId="2f86a967-3c9c-4a39-b538-7e6c0574d83d" providerId="ADAL" clId="{6594851D-CEE0-4A2C-876F-BED761A92EC3}" dt="2022-08-23T14:49:05.459" v="4430" actId="1076"/>
          <ac:graphicFrameMkLst>
            <pc:docMk/>
            <pc:sldMk cId="2968579628" sldId="301"/>
            <ac:graphicFrameMk id="13" creationId="{2E7B9D2E-3505-0FE3-D7D0-38EB943D3D6E}"/>
          </ac:graphicFrameMkLst>
        </pc:graphicFrameChg>
      </pc:sldChg>
      <pc:sldChg chg="modSp add mod">
        <pc:chgData name="Matias Vázquez Piñón" userId="2f86a967-3c9c-4a39-b538-7e6c0574d83d" providerId="ADAL" clId="{6594851D-CEE0-4A2C-876F-BED761A92EC3}" dt="2022-08-23T14:49:52.310" v="4432" actId="1076"/>
        <pc:sldMkLst>
          <pc:docMk/>
          <pc:sldMk cId="347237951" sldId="302"/>
        </pc:sldMkLst>
        <pc:spChg chg="mod">
          <ac:chgData name="Matias Vázquez Piñón" userId="2f86a967-3c9c-4a39-b538-7e6c0574d83d" providerId="ADAL" clId="{6594851D-CEE0-4A2C-876F-BED761A92EC3}" dt="2022-08-23T14:49:52.310" v="4432" actId="1076"/>
          <ac:spMkLst>
            <pc:docMk/>
            <pc:sldMk cId="347237951" sldId="302"/>
            <ac:spMk id="14" creationId="{72ADE4D3-2313-C59C-BC50-BC5471C55E1E}"/>
          </ac:spMkLst>
        </pc:spChg>
      </pc:sldChg>
      <pc:sldChg chg="modSp add mod">
        <pc:chgData name="Matias Vázquez Piñón" userId="2f86a967-3c9c-4a39-b538-7e6c0574d83d" providerId="ADAL" clId="{6594851D-CEE0-4A2C-876F-BED761A92EC3}" dt="2022-08-23T14:50:41.169" v="4436" actId="207"/>
        <pc:sldMkLst>
          <pc:docMk/>
          <pc:sldMk cId="2762977252" sldId="303"/>
        </pc:sldMkLst>
        <pc:spChg chg="mod">
          <ac:chgData name="Matias Vázquez Piñón" userId="2f86a967-3c9c-4a39-b538-7e6c0574d83d" providerId="ADAL" clId="{6594851D-CEE0-4A2C-876F-BED761A92EC3}" dt="2022-08-23T14:50:31.921" v="4434" actId="1076"/>
          <ac:spMkLst>
            <pc:docMk/>
            <pc:sldMk cId="2762977252" sldId="303"/>
            <ac:spMk id="14" creationId="{72ADE4D3-2313-C59C-BC50-BC5471C55E1E}"/>
          </ac:spMkLst>
        </pc:spChg>
        <pc:graphicFrameChg chg="modGraphic">
          <ac:chgData name="Matias Vázquez Piñón" userId="2f86a967-3c9c-4a39-b538-7e6c0574d83d" providerId="ADAL" clId="{6594851D-CEE0-4A2C-876F-BED761A92EC3}" dt="2022-08-23T14:50:41.169" v="4436" actId="207"/>
          <ac:graphicFrameMkLst>
            <pc:docMk/>
            <pc:sldMk cId="2762977252" sldId="303"/>
            <ac:graphicFrameMk id="12" creationId="{FF392F1F-AA00-2474-B4A3-E7EC8C4A4A4C}"/>
          </ac:graphicFrameMkLst>
        </pc:graphicFrameChg>
      </pc:sldChg>
      <pc:sldChg chg="modSp add mod">
        <pc:chgData name="Matias Vázquez Piñón" userId="2f86a967-3c9c-4a39-b538-7e6c0574d83d" providerId="ADAL" clId="{6594851D-CEE0-4A2C-876F-BED761A92EC3}" dt="2022-08-23T14:53:21.481" v="4471" actId="1035"/>
        <pc:sldMkLst>
          <pc:docMk/>
          <pc:sldMk cId="2583010504" sldId="304"/>
        </pc:sldMkLst>
        <pc:spChg chg="mod">
          <ac:chgData name="Matias Vázquez Piñón" userId="2f86a967-3c9c-4a39-b538-7e6c0574d83d" providerId="ADAL" clId="{6594851D-CEE0-4A2C-876F-BED761A92EC3}" dt="2022-08-23T14:53:21.481" v="4471" actId="1035"/>
          <ac:spMkLst>
            <pc:docMk/>
            <pc:sldMk cId="2583010504" sldId="304"/>
            <ac:spMk id="14" creationId="{72ADE4D3-2313-C59C-BC50-BC5471C55E1E}"/>
          </ac:spMkLst>
        </pc:spChg>
        <pc:graphicFrameChg chg="modGraphic">
          <ac:chgData name="Matias Vázquez Piñón" userId="2f86a967-3c9c-4a39-b538-7e6c0574d83d" providerId="ADAL" clId="{6594851D-CEE0-4A2C-876F-BED761A92EC3}" dt="2022-08-23T14:53:05.626" v="4469" actId="2084"/>
          <ac:graphicFrameMkLst>
            <pc:docMk/>
            <pc:sldMk cId="2583010504" sldId="304"/>
            <ac:graphicFrameMk id="12" creationId="{FF392F1F-AA00-2474-B4A3-E7EC8C4A4A4C}"/>
          </ac:graphicFrameMkLst>
        </pc:graphicFrameChg>
      </pc:sldChg>
      <pc:sldChg chg="modSp add mod">
        <pc:chgData name="Matias Vázquez Piñón" userId="2f86a967-3c9c-4a39-b538-7e6c0574d83d" providerId="ADAL" clId="{6594851D-CEE0-4A2C-876F-BED761A92EC3}" dt="2022-08-23T14:53:40.850" v="4475" actId="2084"/>
        <pc:sldMkLst>
          <pc:docMk/>
          <pc:sldMk cId="2738140422" sldId="305"/>
        </pc:sldMkLst>
        <pc:spChg chg="mod">
          <ac:chgData name="Matias Vázquez Piñón" userId="2f86a967-3c9c-4a39-b538-7e6c0574d83d" providerId="ADAL" clId="{6594851D-CEE0-4A2C-876F-BED761A92EC3}" dt="2022-08-23T14:53:30.683" v="4473" actId="1035"/>
          <ac:spMkLst>
            <pc:docMk/>
            <pc:sldMk cId="2738140422" sldId="305"/>
            <ac:spMk id="14" creationId="{72ADE4D3-2313-C59C-BC50-BC5471C55E1E}"/>
          </ac:spMkLst>
        </pc:spChg>
        <pc:graphicFrameChg chg="modGraphic">
          <ac:chgData name="Matias Vázquez Piñón" userId="2f86a967-3c9c-4a39-b538-7e6c0574d83d" providerId="ADAL" clId="{6594851D-CEE0-4A2C-876F-BED761A92EC3}" dt="2022-08-23T14:53:40.850" v="4475" actId="2084"/>
          <ac:graphicFrameMkLst>
            <pc:docMk/>
            <pc:sldMk cId="2738140422" sldId="305"/>
            <ac:graphicFrameMk id="12" creationId="{FF392F1F-AA00-2474-B4A3-E7EC8C4A4A4C}"/>
          </ac:graphicFrameMkLst>
        </pc:graphicFrameChg>
      </pc:sldChg>
      <pc:sldChg chg="modSp add mod">
        <pc:chgData name="Matias Vázquez Piñón" userId="2f86a967-3c9c-4a39-b538-7e6c0574d83d" providerId="ADAL" clId="{6594851D-CEE0-4A2C-876F-BED761A92EC3}" dt="2022-08-23T14:54:40.308" v="4479" actId="1076"/>
        <pc:sldMkLst>
          <pc:docMk/>
          <pc:sldMk cId="4026152409" sldId="306"/>
        </pc:sldMkLst>
        <pc:spChg chg="mod">
          <ac:chgData name="Matias Vázquez Piñón" userId="2f86a967-3c9c-4a39-b538-7e6c0574d83d" providerId="ADAL" clId="{6594851D-CEE0-4A2C-876F-BED761A92EC3}" dt="2022-08-23T14:54:40.308" v="4479" actId="1076"/>
          <ac:spMkLst>
            <pc:docMk/>
            <pc:sldMk cId="4026152409" sldId="306"/>
            <ac:spMk id="14" creationId="{72ADE4D3-2313-C59C-BC50-BC5471C55E1E}"/>
          </ac:spMkLst>
        </pc:spChg>
        <pc:graphicFrameChg chg="modGraphic">
          <ac:chgData name="Matias Vázquez Piñón" userId="2f86a967-3c9c-4a39-b538-7e6c0574d83d" providerId="ADAL" clId="{6594851D-CEE0-4A2C-876F-BED761A92EC3}" dt="2022-08-23T14:54:15.242" v="4478" actId="2084"/>
          <ac:graphicFrameMkLst>
            <pc:docMk/>
            <pc:sldMk cId="4026152409" sldId="306"/>
            <ac:graphicFrameMk id="12" creationId="{FF392F1F-AA00-2474-B4A3-E7EC8C4A4A4C}"/>
          </ac:graphicFrameMkLst>
        </pc:graphicFrameChg>
      </pc:sldChg>
      <pc:sldChg chg="addSp delSp modSp add mod">
        <pc:chgData name="Matias Vázquez Piñón" userId="2f86a967-3c9c-4a39-b538-7e6c0574d83d" providerId="ADAL" clId="{6594851D-CEE0-4A2C-876F-BED761A92EC3}" dt="2022-08-23T14:56:42.130" v="4488" actId="207"/>
        <pc:sldMkLst>
          <pc:docMk/>
          <pc:sldMk cId="125475162" sldId="307"/>
        </pc:sldMkLst>
        <pc:spChg chg="add mod">
          <ac:chgData name="Matias Vázquez Piñón" userId="2f86a967-3c9c-4a39-b538-7e6c0574d83d" providerId="ADAL" clId="{6594851D-CEE0-4A2C-876F-BED761A92EC3}" dt="2022-08-23T14:56:21.509" v="4487" actId="1035"/>
          <ac:spMkLst>
            <pc:docMk/>
            <pc:sldMk cId="125475162" sldId="307"/>
            <ac:spMk id="3" creationId="{80F407F5-845D-DA15-10BD-F9A09CE064EA}"/>
          </ac:spMkLst>
        </pc:spChg>
        <pc:spChg chg="del mod">
          <ac:chgData name="Matias Vázquez Piñón" userId="2f86a967-3c9c-4a39-b538-7e6c0574d83d" providerId="ADAL" clId="{6594851D-CEE0-4A2C-876F-BED761A92EC3}" dt="2022-08-23T14:55:35.609" v="4482" actId="478"/>
          <ac:spMkLst>
            <pc:docMk/>
            <pc:sldMk cId="125475162" sldId="307"/>
            <ac:spMk id="14" creationId="{72ADE4D3-2313-C59C-BC50-BC5471C55E1E}"/>
          </ac:spMkLst>
        </pc:spChg>
        <pc:graphicFrameChg chg="modGraphic">
          <ac:chgData name="Matias Vázquez Piñón" userId="2f86a967-3c9c-4a39-b538-7e6c0574d83d" providerId="ADAL" clId="{6594851D-CEE0-4A2C-876F-BED761A92EC3}" dt="2022-08-23T14:56:42.130" v="4488" actId="207"/>
          <ac:graphicFrameMkLst>
            <pc:docMk/>
            <pc:sldMk cId="125475162" sldId="307"/>
            <ac:graphicFrameMk id="12" creationId="{FF392F1F-AA00-2474-B4A3-E7EC8C4A4A4C}"/>
          </ac:graphicFrameMkLst>
        </pc:graphicFrameChg>
      </pc:sldChg>
      <pc:sldChg chg="modSp add mod">
        <pc:chgData name="Matias Vázquez Piñón" userId="2f86a967-3c9c-4a39-b538-7e6c0574d83d" providerId="ADAL" clId="{6594851D-CEE0-4A2C-876F-BED761A92EC3}" dt="2022-08-23T14:57:40.755" v="4496" actId="6549"/>
        <pc:sldMkLst>
          <pc:docMk/>
          <pc:sldMk cId="604320469" sldId="308"/>
        </pc:sldMkLst>
        <pc:spChg chg="mod">
          <ac:chgData name="Matias Vázquez Piñón" userId="2f86a967-3c9c-4a39-b538-7e6c0574d83d" providerId="ADAL" clId="{6594851D-CEE0-4A2C-876F-BED761A92EC3}" dt="2022-08-23T14:57:19.021" v="4495" actId="1036"/>
          <ac:spMkLst>
            <pc:docMk/>
            <pc:sldMk cId="604320469" sldId="308"/>
            <ac:spMk id="3" creationId="{80F407F5-845D-DA15-10BD-F9A09CE064EA}"/>
          </ac:spMkLst>
        </pc:spChg>
        <pc:graphicFrameChg chg="modGraphic">
          <ac:chgData name="Matias Vázquez Piñón" userId="2f86a967-3c9c-4a39-b538-7e6c0574d83d" providerId="ADAL" clId="{6594851D-CEE0-4A2C-876F-BED761A92EC3}" dt="2022-08-23T14:57:03.032" v="4491" actId="207"/>
          <ac:graphicFrameMkLst>
            <pc:docMk/>
            <pc:sldMk cId="604320469" sldId="308"/>
            <ac:graphicFrameMk id="12" creationId="{FF392F1F-AA00-2474-B4A3-E7EC8C4A4A4C}"/>
          </ac:graphicFrameMkLst>
        </pc:graphicFrameChg>
        <pc:graphicFrameChg chg="modGraphic">
          <ac:chgData name="Matias Vázquez Piñón" userId="2f86a967-3c9c-4a39-b538-7e6c0574d83d" providerId="ADAL" clId="{6594851D-CEE0-4A2C-876F-BED761A92EC3}" dt="2022-08-23T14:57:40.755" v="4496" actId="6549"/>
          <ac:graphicFrameMkLst>
            <pc:docMk/>
            <pc:sldMk cId="604320469" sldId="308"/>
            <ac:graphicFrameMk id="13" creationId="{2E7B9D2E-3505-0FE3-D7D0-38EB943D3D6E}"/>
          </ac:graphicFrameMkLst>
        </pc:graphicFrameChg>
      </pc:sldChg>
      <pc:sldMasterChg chg="addSp delSp mod">
        <pc:chgData name="Matias Vázquez Piñón" userId="2f86a967-3c9c-4a39-b538-7e6c0574d83d" providerId="ADAL" clId="{6594851D-CEE0-4A2C-876F-BED761A92EC3}" dt="2022-08-16T14:07:46.245" v="371" actId="478"/>
        <pc:sldMasterMkLst>
          <pc:docMk/>
          <pc:sldMasterMk cId="2454702602" sldId="2147483662"/>
        </pc:sldMasterMkLst>
        <pc:spChg chg="del">
          <ac:chgData name="Matias Vázquez Piñón" userId="2f86a967-3c9c-4a39-b538-7e6c0574d83d" providerId="ADAL" clId="{6594851D-CEE0-4A2C-876F-BED761A92EC3}" dt="2022-08-16T14:07:39.581" v="369" actId="478"/>
          <ac:spMkLst>
            <pc:docMk/>
            <pc:sldMasterMk cId="2454702602" sldId="2147483662"/>
            <ac:spMk id="5" creationId="{792B975C-625D-4095-8E1D-63F20A11B57C}"/>
          </ac:spMkLst>
        </pc:spChg>
        <pc:spChg chg="del">
          <ac:chgData name="Matias Vázquez Piñón" userId="2f86a967-3c9c-4a39-b538-7e6c0574d83d" providerId="ADAL" clId="{6594851D-CEE0-4A2C-876F-BED761A92EC3}" dt="2022-08-16T14:07:46.245" v="371" actId="478"/>
          <ac:spMkLst>
            <pc:docMk/>
            <pc:sldMasterMk cId="2454702602" sldId="2147483662"/>
            <ac:spMk id="7" creationId="{06B09BDB-1C7D-4F8A-8F1B-82D88054A428}"/>
          </ac:spMkLst>
        </pc:spChg>
        <pc:spChg chg="add del">
          <ac:chgData name="Matias Vázquez Piñón" userId="2f86a967-3c9c-4a39-b538-7e6c0574d83d" providerId="ADAL" clId="{6594851D-CEE0-4A2C-876F-BED761A92EC3}" dt="2022-08-16T14:07:36.545" v="368" actId="478"/>
          <ac:spMkLst>
            <pc:docMk/>
            <pc:sldMasterMk cId="2454702602" sldId="2147483662"/>
            <ac:spMk id="11" creationId="{FFFFD011-0D94-46EE-B45C-787FE82C3B5E}"/>
          </ac:spMkLst>
        </pc:spChg>
        <pc:spChg chg="del">
          <ac:chgData name="Matias Vázquez Piñón" userId="2f86a967-3c9c-4a39-b538-7e6c0574d83d" providerId="ADAL" clId="{6594851D-CEE0-4A2C-876F-BED761A92EC3}" dt="2022-08-16T14:07:41.197" v="370" actId="478"/>
          <ac:spMkLst>
            <pc:docMk/>
            <pc:sldMasterMk cId="2454702602" sldId="2147483662"/>
            <ac:spMk id="113676" creationId="{00000000-0000-0000-0000-000000000000}"/>
          </ac:spMkLst>
        </pc:spChg>
      </pc:sldMasterChg>
    </pc:docChg>
  </pc:docChgLst>
  <pc:docChgLst>
    <pc:chgData name="Matias Vázquez Piñón" userId="e82d7a76-e5c2-4749-baff-1bb8c1dfc0d7" providerId="ADAL" clId="{FC50E581-9A3F-A24F-9546-F40EB98BED79}"/>
    <pc:docChg chg="custSel modSld">
      <pc:chgData name="Matias Vázquez Piñón" userId="e82d7a76-e5c2-4749-baff-1bb8c1dfc0d7" providerId="ADAL" clId="{FC50E581-9A3F-A24F-9546-F40EB98BED79}" dt="2022-08-23T18:01:22.980" v="300"/>
      <pc:docMkLst>
        <pc:docMk/>
      </pc:docMkLst>
      <pc:sldChg chg="addSp delSp modSp">
        <pc:chgData name="Matias Vázquez Piñón" userId="e82d7a76-e5c2-4749-baff-1bb8c1dfc0d7" providerId="ADAL" clId="{FC50E581-9A3F-A24F-9546-F40EB98BED79}" dt="2022-08-23T18:01:22.980" v="300"/>
        <pc:sldMkLst>
          <pc:docMk/>
          <pc:sldMk cId="3451113877" sldId="296"/>
        </pc:sldMkLst>
        <pc:spChg chg="add mod">
          <ac:chgData name="Matias Vázquez Piñón" userId="e82d7a76-e5c2-4749-baff-1bb8c1dfc0d7" providerId="ADAL" clId="{FC50E581-9A3F-A24F-9546-F40EB98BED79}" dt="2022-08-23T17:53:57.876" v="12" actId="20577"/>
          <ac:spMkLst>
            <pc:docMk/>
            <pc:sldMk cId="3451113877" sldId="296"/>
            <ac:spMk id="13" creationId="{A058E5B6-3673-9FA4-24CE-46D23A704174}"/>
          </ac:spMkLst>
        </pc:spChg>
        <pc:picChg chg="mod">
          <ac:chgData name="Matias Vázquez Piñón" userId="e82d7a76-e5c2-4749-baff-1bb8c1dfc0d7" providerId="ADAL" clId="{FC50E581-9A3F-A24F-9546-F40EB98BED79}" dt="2022-08-23T17:53:22.515" v="1" actId="1076"/>
          <ac:picMkLst>
            <pc:docMk/>
            <pc:sldMk cId="3451113877" sldId="296"/>
            <ac:picMk id="27" creationId="{DB966A21-301A-F029-868C-DD75802CFF4E}"/>
          </ac:picMkLst>
        </pc:picChg>
        <pc:inkChg chg="add del">
          <ac:chgData name="Matias Vázquez Piñón" userId="e82d7a76-e5c2-4749-baff-1bb8c1dfc0d7" providerId="ADAL" clId="{FC50E581-9A3F-A24F-9546-F40EB98BED79}" dt="2022-08-23T17:53:51.322" v="9"/>
          <ac:inkMkLst>
            <pc:docMk/>
            <pc:sldMk cId="3451113877" sldId="296"/>
            <ac:inkMk id="2" creationId="{BFEE4EC3-6BCA-1A48-BA77-A0D596864DED}"/>
          </ac:inkMkLst>
        </pc:inkChg>
        <pc:inkChg chg="add del">
          <ac:chgData name="Matias Vázquez Piñón" userId="e82d7a76-e5c2-4749-baff-1bb8c1dfc0d7" providerId="ADAL" clId="{FC50E581-9A3F-A24F-9546-F40EB98BED79}" dt="2022-08-23T17:53:51.322" v="9"/>
          <ac:inkMkLst>
            <pc:docMk/>
            <pc:sldMk cId="3451113877" sldId="296"/>
            <ac:inkMk id="3" creationId="{DBF758EC-F4CC-F24F-57D0-46DD59903E3B}"/>
          </ac:inkMkLst>
        </pc:inkChg>
        <pc:inkChg chg="add del">
          <ac:chgData name="Matias Vázquez Piñón" userId="e82d7a76-e5c2-4749-baff-1bb8c1dfc0d7" providerId="ADAL" clId="{FC50E581-9A3F-A24F-9546-F40EB98BED79}" dt="2022-08-23T17:53:51.322" v="9"/>
          <ac:inkMkLst>
            <pc:docMk/>
            <pc:sldMk cId="3451113877" sldId="296"/>
            <ac:inkMk id="4" creationId="{7A17E649-0E3F-A371-459C-797B9F370898}"/>
          </ac:inkMkLst>
        </pc:inkChg>
        <pc:inkChg chg="add del">
          <ac:chgData name="Matias Vázquez Piñón" userId="e82d7a76-e5c2-4749-baff-1bb8c1dfc0d7" providerId="ADAL" clId="{FC50E581-9A3F-A24F-9546-F40EB98BED79}" dt="2022-08-23T17:53:51.322" v="9"/>
          <ac:inkMkLst>
            <pc:docMk/>
            <pc:sldMk cId="3451113877" sldId="296"/>
            <ac:inkMk id="8" creationId="{0A238C54-4F29-0747-7D6D-8BEC266CCCE4}"/>
          </ac:inkMkLst>
        </pc:inkChg>
        <pc:inkChg chg="add del">
          <ac:chgData name="Matias Vázquez Piñón" userId="e82d7a76-e5c2-4749-baff-1bb8c1dfc0d7" providerId="ADAL" clId="{FC50E581-9A3F-A24F-9546-F40EB98BED79}" dt="2022-08-23T17:53:51.322" v="9"/>
          <ac:inkMkLst>
            <pc:docMk/>
            <pc:sldMk cId="3451113877" sldId="296"/>
            <ac:inkMk id="9" creationId="{C79AF2ED-54F3-E2FC-F90F-7F187F6A14A4}"/>
          </ac:inkMkLst>
        </pc:inkChg>
        <pc:inkChg chg="add del">
          <ac:chgData name="Matias Vázquez Piñón" userId="e82d7a76-e5c2-4749-baff-1bb8c1dfc0d7" providerId="ADAL" clId="{FC50E581-9A3F-A24F-9546-F40EB98BED79}" dt="2022-08-23T17:53:51.322" v="9"/>
          <ac:inkMkLst>
            <pc:docMk/>
            <pc:sldMk cId="3451113877" sldId="296"/>
            <ac:inkMk id="10" creationId="{AD7FF630-17AC-E7B3-62CA-F2A6EC858036}"/>
          </ac:inkMkLst>
        </pc:inkChg>
        <pc:inkChg chg="add del">
          <ac:chgData name="Matias Vázquez Piñón" userId="e82d7a76-e5c2-4749-baff-1bb8c1dfc0d7" providerId="ADAL" clId="{FC50E581-9A3F-A24F-9546-F40EB98BED79}" dt="2022-08-23T17:53:51.322" v="9"/>
          <ac:inkMkLst>
            <pc:docMk/>
            <pc:sldMk cId="3451113877" sldId="296"/>
            <ac:inkMk id="11" creationId="{79CBF64D-ECCE-AE34-00CF-3268514BFBAA}"/>
          </ac:inkMkLst>
        </pc:inkChg>
        <pc:inkChg chg="add del reco">
          <ac:chgData name="Matias Vázquez Piñón" userId="e82d7a76-e5c2-4749-baff-1bb8c1dfc0d7" providerId="ADAL" clId="{FC50E581-9A3F-A24F-9546-F40EB98BED79}" dt="2022-08-23T17:53:53.039" v="10"/>
          <ac:inkMkLst>
            <pc:docMk/>
            <pc:sldMk cId="3451113877" sldId="296"/>
            <ac:inkMk id="12" creationId="{1F51A925-E466-2CE5-E6EF-F0A1841D6EEE}"/>
          </ac:inkMkLst>
        </pc:inkChg>
        <pc:inkChg chg="add del">
          <ac:chgData name="Matias Vázquez Piñón" userId="e82d7a76-e5c2-4749-baff-1bb8c1dfc0d7" providerId="ADAL" clId="{FC50E581-9A3F-A24F-9546-F40EB98BED79}" dt="2022-08-23T17:54:25.647" v="15"/>
          <ac:inkMkLst>
            <pc:docMk/>
            <pc:sldMk cId="3451113877" sldId="296"/>
            <ac:inkMk id="14" creationId="{2E4E72CD-DA1D-EEA7-326A-5C975C0C6C04}"/>
          </ac:inkMkLst>
        </pc:inkChg>
        <pc:inkChg chg="add del">
          <ac:chgData name="Matias Vázquez Piñón" userId="e82d7a76-e5c2-4749-baff-1bb8c1dfc0d7" providerId="ADAL" clId="{FC50E581-9A3F-A24F-9546-F40EB98BED79}" dt="2022-08-23T17:54:25.647" v="15"/>
          <ac:inkMkLst>
            <pc:docMk/>
            <pc:sldMk cId="3451113877" sldId="296"/>
            <ac:inkMk id="15" creationId="{0BFAB41C-E2CE-BB22-A510-7160090FBB5E}"/>
          </ac:inkMkLst>
        </pc:inkChg>
        <pc:inkChg chg="add del reco">
          <ac:chgData name="Matias Vázquez Piñón" userId="e82d7a76-e5c2-4749-baff-1bb8c1dfc0d7" providerId="ADAL" clId="{FC50E581-9A3F-A24F-9546-F40EB98BED79}" dt="2022-08-23T17:54:35.907" v="21"/>
          <ac:inkMkLst>
            <pc:docMk/>
            <pc:sldMk cId="3451113877" sldId="296"/>
            <ac:inkMk id="16" creationId="{7710F868-1483-FF38-4380-6C5991DCED8E}"/>
          </ac:inkMkLst>
        </pc:inkChg>
        <pc:inkChg chg="add del">
          <ac:chgData name="Matias Vázquez Piñón" userId="e82d7a76-e5c2-4749-baff-1bb8c1dfc0d7" providerId="ADAL" clId="{FC50E581-9A3F-A24F-9546-F40EB98BED79}" dt="2022-08-23T17:54:29.952" v="19"/>
          <ac:inkMkLst>
            <pc:docMk/>
            <pc:sldMk cId="3451113877" sldId="296"/>
            <ac:inkMk id="17" creationId="{776DBAE9-CD73-E73B-F7AB-76123FE19DE6}"/>
          </ac:inkMkLst>
        </pc:inkChg>
        <pc:inkChg chg="add del">
          <ac:chgData name="Matias Vázquez Piñón" userId="e82d7a76-e5c2-4749-baff-1bb8c1dfc0d7" providerId="ADAL" clId="{FC50E581-9A3F-A24F-9546-F40EB98BED79}" dt="2022-08-23T17:54:29.952" v="19"/>
          <ac:inkMkLst>
            <pc:docMk/>
            <pc:sldMk cId="3451113877" sldId="296"/>
            <ac:inkMk id="18" creationId="{519C0566-AF22-8F12-7755-775DAAD26AC1}"/>
          </ac:inkMkLst>
        </pc:inkChg>
        <pc:inkChg chg="add del">
          <ac:chgData name="Matias Vázquez Piñón" userId="e82d7a76-e5c2-4749-baff-1bb8c1dfc0d7" providerId="ADAL" clId="{FC50E581-9A3F-A24F-9546-F40EB98BED79}" dt="2022-08-23T17:54:29.952" v="19"/>
          <ac:inkMkLst>
            <pc:docMk/>
            <pc:sldMk cId="3451113877" sldId="296"/>
            <ac:inkMk id="19" creationId="{C45427D5-F1E3-A8A7-8EF5-7327878F00B7}"/>
          </ac:inkMkLst>
        </pc:inkChg>
        <pc:inkChg chg="add del reco">
          <ac:chgData name="Matias Vázquez Piñón" userId="e82d7a76-e5c2-4749-baff-1bb8c1dfc0d7" providerId="ADAL" clId="{FC50E581-9A3F-A24F-9546-F40EB98BED79}" dt="2022-08-23T17:54:35.900" v="20"/>
          <ac:inkMkLst>
            <pc:docMk/>
            <pc:sldMk cId="3451113877" sldId="296"/>
            <ac:inkMk id="20" creationId="{D018F304-8A9F-0425-F8BA-E927DC53287F}"/>
          </ac:inkMkLst>
        </pc:inkChg>
        <pc:inkChg chg="add del">
          <ac:chgData name="Matias Vázquez Piñón" userId="e82d7a76-e5c2-4749-baff-1bb8c1dfc0d7" providerId="ADAL" clId="{FC50E581-9A3F-A24F-9546-F40EB98BED79}" dt="2022-08-23T17:54:40.541" v="25"/>
          <ac:inkMkLst>
            <pc:docMk/>
            <pc:sldMk cId="3451113877" sldId="296"/>
            <ac:inkMk id="21" creationId="{3E3C24ED-D456-266A-515C-631C24262243}"/>
          </ac:inkMkLst>
        </pc:inkChg>
        <pc:inkChg chg="add del">
          <ac:chgData name="Matias Vázquez Piñón" userId="e82d7a76-e5c2-4749-baff-1bb8c1dfc0d7" providerId="ADAL" clId="{FC50E581-9A3F-A24F-9546-F40EB98BED79}" dt="2022-08-23T17:54:40.541" v="25"/>
          <ac:inkMkLst>
            <pc:docMk/>
            <pc:sldMk cId="3451113877" sldId="296"/>
            <ac:inkMk id="22" creationId="{64179961-00D2-986D-C84E-D0416D09F42E}"/>
          </ac:inkMkLst>
        </pc:inkChg>
        <pc:inkChg chg="add del">
          <ac:chgData name="Matias Vázquez Piñón" userId="e82d7a76-e5c2-4749-baff-1bb8c1dfc0d7" providerId="ADAL" clId="{FC50E581-9A3F-A24F-9546-F40EB98BED79}" dt="2022-08-23T17:54:40.541" v="25"/>
          <ac:inkMkLst>
            <pc:docMk/>
            <pc:sldMk cId="3451113877" sldId="296"/>
            <ac:inkMk id="23" creationId="{3C602708-BB73-247B-ED68-E0B52C247C17}"/>
          </ac:inkMkLst>
        </pc:inkChg>
        <pc:inkChg chg="add del reco">
          <ac:chgData name="Matias Vázquez Piñón" userId="e82d7a76-e5c2-4749-baff-1bb8c1dfc0d7" providerId="ADAL" clId="{FC50E581-9A3F-A24F-9546-F40EB98BED79}" dt="2022-08-23T17:54:48.062" v="29"/>
          <ac:inkMkLst>
            <pc:docMk/>
            <pc:sldMk cId="3451113877" sldId="296"/>
            <ac:inkMk id="24" creationId="{15910E09-D3F4-9066-5399-332EB6C1B8B3}"/>
          </ac:inkMkLst>
        </pc:inkChg>
        <pc:inkChg chg="add del">
          <ac:chgData name="Matias Vázquez Piñón" userId="e82d7a76-e5c2-4749-baff-1bb8c1dfc0d7" providerId="ADAL" clId="{FC50E581-9A3F-A24F-9546-F40EB98BED79}" dt="2022-08-23T17:54:46.097" v="28"/>
          <ac:inkMkLst>
            <pc:docMk/>
            <pc:sldMk cId="3451113877" sldId="296"/>
            <ac:inkMk id="25" creationId="{17514625-5DD0-2E76-4B10-3E4BA200C263}"/>
          </ac:inkMkLst>
        </pc:inkChg>
        <pc:inkChg chg="add del">
          <ac:chgData name="Matias Vázquez Piñón" userId="e82d7a76-e5c2-4749-baff-1bb8c1dfc0d7" providerId="ADAL" clId="{FC50E581-9A3F-A24F-9546-F40EB98BED79}" dt="2022-08-23T17:54:46.097" v="28"/>
          <ac:inkMkLst>
            <pc:docMk/>
            <pc:sldMk cId="3451113877" sldId="296"/>
            <ac:inkMk id="26" creationId="{0617081D-13F4-9264-152A-887CFB7421BB}"/>
          </ac:inkMkLst>
        </pc:inkChg>
        <pc:inkChg chg="add del reco">
          <ac:chgData name="Matias Vázquez Piñón" userId="e82d7a76-e5c2-4749-baff-1bb8c1dfc0d7" providerId="ADAL" clId="{FC50E581-9A3F-A24F-9546-F40EB98BED79}" dt="2022-08-23T17:54:48.067" v="30"/>
          <ac:inkMkLst>
            <pc:docMk/>
            <pc:sldMk cId="3451113877" sldId="296"/>
            <ac:inkMk id="28" creationId="{E59C24BD-C88C-E3B7-7CCC-F31E7C90A222}"/>
          </ac:inkMkLst>
        </pc:inkChg>
        <pc:inkChg chg="add del">
          <ac:chgData name="Matias Vázquez Piñón" userId="e82d7a76-e5c2-4749-baff-1bb8c1dfc0d7" providerId="ADAL" clId="{FC50E581-9A3F-A24F-9546-F40EB98BED79}" dt="2022-08-23T17:55:00.648" v="33"/>
          <ac:inkMkLst>
            <pc:docMk/>
            <pc:sldMk cId="3451113877" sldId="296"/>
            <ac:inkMk id="29" creationId="{FCF355C3-EB60-8773-A685-9745B4C6CC3D}"/>
          </ac:inkMkLst>
        </pc:inkChg>
        <pc:inkChg chg="add del">
          <ac:chgData name="Matias Vázquez Piñón" userId="e82d7a76-e5c2-4749-baff-1bb8c1dfc0d7" providerId="ADAL" clId="{FC50E581-9A3F-A24F-9546-F40EB98BED79}" dt="2022-08-23T17:55:00.648" v="33"/>
          <ac:inkMkLst>
            <pc:docMk/>
            <pc:sldMk cId="3451113877" sldId="296"/>
            <ac:inkMk id="30" creationId="{52729DF7-1FAE-9090-A33D-3A0C0D68C8DB}"/>
          </ac:inkMkLst>
        </pc:inkChg>
        <pc:inkChg chg="add del reco">
          <ac:chgData name="Matias Vázquez Piñón" userId="e82d7a76-e5c2-4749-baff-1bb8c1dfc0d7" providerId="ADAL" clId="{FC50E581-9A3F-A24F-9546-F40EB98BED79}" dt="2022-08-23T17:55:19.490" v="47"/>
          <ac:inkMkLst>
            <pc:docMk/>
            <pc:sldMk cId="3451113877" sldId="296"/>
            <ac:inkMk id="31" creationId="{A446D14F-EE20-024D-92BD-09D8D5AD2481}"/>
          </ac:inkMkLst>
        </pc:inkChg>
        <pc:inkChg chg="add del">
          <ac:chgData name="Matias Vázquez Piñón" userId="e82d7a76-e5c2-4749-baff-1bb8c1dfc0d7" providerId="ADAL" clId="{FC50E581-9A3F-A24F-9546-F40EB98BED79}" dt="2022-08-23T17:55:05.440" v="39"/>
          <ac:inkMkLst>
            <pc:docMk/>
            <pc:sldMk cId="3451113877" sldId="296"/>
            <ac:inkMk id="32" creationId="{AF6A7C65-AD09-0B24-7C7C-B65BACB8C2D9}"/>
          </ac:inkMkLst>
        </pc:inkChg>
        <pc:inkChg chg="add del">
          <ac:chgData name="Matias Vázquez Piñón" userId="e82d7a76-e5c2-4749-baff-1bb8c1dfc0d7" providerId="ADAL" clId="{FC50E581-9A3F-A24F-9546-F40EB98BED79}" dt="2022-08-23T17:55:05.440" v="39"/>
          <ac:inkMkLst>
            <pc:docMk/>
            <pc:sldMk cId="3451113877" sldId="296"/>
            <ac:inkMk id="33" creationId="{39127A96-4E9A-5FF3-C892-EEEF1A5FAA70}"/>
          </ac:inkMkLst>
        </pc:inkChg>
        <pc:inkChg chg="add del">
          <ac:chgData name="Matias Vázquez Piñón" userId="e82d7a76-e5c2-4749-baff-1bb8c1dfc0d7" providerId="ADAL" clId="{FC50E581-9A3F-A24F-9546-F40EB98BED79}" dt="2022-08-23T17:55:05.440" v="39"/>
          <ac:inkMkLst>
            <pc:docMk/>
            <pc:sldMk cId="3451113877" sldId="296"/>
            <ac:inkMk id="34" creationId="{7D750853-7FE2-84B5-21DC-67F5AE0EFB93}"/>
          </ac:inkMkLst>
        </pc:inkChg>
        <pc:inkChg chg="add del">
          <ac:chgData name="Matias Vázquez Piñón" userId="e82d7a76-e5c2-4749-baff-1bb8c1dfc0d7" providerId="ADAL" clId="{FC50E581-9A3F-A24F-9546-F40EB98BED79}" dt="2022-08-23T17:55:05.440" v="39"/>
          <ac:inkMkLst>
            <pc:docMk/>
            <pc:sldMk cId="3451113877" sldId="296"/>
            <ac:inkMk id="35" creationId="{6A4DC313-CF89-1472-B23C-17EFB622C9BB}"/>
          </ac:inkMkLst>
        </pc:inkChg>
        <pc:inkChg chg="add del">
          <ac:chgData name="Matias Vázquez Piñón" userId="e82d7a76-e5c2-4749-baff-1bb8c1dfc0d7" providerId="ADAL" clId="{FC50E581-9A3F-A24F-9546-F40EB98BED79}" dt="2022-08-23T17:55:05.440" v="39"/>
          <ac:inkMkLst>
            <pc:docMk/>
            <pc:sldMk cId="3451113877" sldId="296"/>
            <ac:inkMk id="36" creationId="{1710B0E6-BB91-4737-5401-13C69CE4BEE1}"/>
          </ac:inkMkLst>
        </pc:inkChg>
        <pc:inkChg chg="add del reco">
          <ac:chgData name="Matias Vázquez Piñón" userId="e82d7a76-e5c2-4749-baff-1bb8c1dfc0d7" providerId="ADAL" clId="{FC50E581-9A3F-A24F-9546-F40EB98BED79}" dt="2022-08-23T17:55:19.484" v="45"/>
          <ac:inkMkLst>
            <pc:docMk/>
            <pc:sldMk cId="3451113877" sldId="296"/>
            <ac:inkMk id="37" creationId="{267E8A5B-3DD3-D88E-25E1-64DCD46402DD}"/>
          </ac:inkMkLst>
        </pc:inkChg>
        <pc:inkChg chg="add del">
          <ac:chgData name="Matias Vázquez Piñón" userId="e82d7a76-e5c2-4749-baff-1bb8c1dfc0d7" providerId="ADAL" clId="{FC50E581-9A3F-A24F-9546-F40EB98BED79}" dt="2022-08-23T17:55:13.661" v="44"/>
          <ac:inkMkLst>
            <pc:docMk/>
            <pc:sldMk cId="3451113877" sldId="296"/>
            <ac:inkMk id="38" creationId="{55FBB0B6-C5F7-CD41-D5ED-B4DFE7D8177E}"/>
          </ac:inkMkLst>
        </pc:inkChg>
        <pc:inkChg chg="add del">
          <ac:chgData name="Matias Vázquez Piñón" userId="e82d7a76-e5c2-4749-baff-1bb8c1dfc0d7" providerId="ADAL" clId="{FC50E581-9A3F-A24F-9546-F40EB98BED79}" dt="2022-08-23T17:55:13.661" v="44"/>
          <ac:inkMkLst>
            <pc:docMk/>
            <pc:sldMk cId="3451113877" sldId="296"/>
            <ac:inkMk id="39" creationId="{998D7868-29A2-0EFF-5B1A-261A162A09DE}"/>
          </ac:inkMkLst>
        </pc:inkChg>
        <pc:inkChg chg="add del">
          <ac:chgData name="Matias Vázquez Piñón" userId="e82d7a76-e5c2-4749-baff-1bb8c1dfc0d7" providerId="ADAL" clId="{FC50E581-9A3F-A24F-9546-F40EB98BED79}" dt="2022-08-23T17:55:13.661" v="44"/>
          <ac:inkMkLst>
            <pc:docMk/>
            <pc:sldMk cId="3451113877" sldId="296"/>
            <ac:inkMk id="40" creationId="{F9F14DE9-0B5D-C974-FBEC-9D87C483D6DF}"/>
          </ac:inkMkLst>
        </pc:inkChg>
        <pc:inkChg chg="add del">
          <ac:chgData name="Matias Vázquez Piñón" userId="e82d7a76-e5c2-4749-baff-1bb8c1dfc0d7" providerId="ADAL" clId="{FC50E581-9A3F-A24F-9546-F40EB98BED79}" dt="2022-08-23T17:55:13.661" v="44"/>
          <ac:inkMkLst>
            <pc:docMk/>
            <pc:sldMk cId="3451113877" sldId="296"/>
            <ac:inkMk id="41" creationId="{6BE5E692-BCAB-4224-DE0E-D28B8235B7A2}"/>
          </ac:inkMkLst>
        </pc:inkChg>
        <pc:inkChg chg="add del reco">
          <ac:chgData name="Matias Vázquez Piñón" userId="e82d7a76-e5c2-4749-baff-1bb8c1dfc0d7" providerId="ADAL" clId="{FC50E581-9A3F-A24F-9546-F40EB98BED79}" dt="2022-08-23T17:55:19.488" v="46"/>
          <ac:inkMkLst>
            <pc:docMk/>
            <pc:sldMk cId="3451113877" sldId="296"/>
            <ac:inkMk id="42" creationId="{5D462693-EDCD-2895-DF20-92EC2CEF025E}"/>
          </ac:inkMkLst>
        </pc:inkChg>
        <pc:inkChg chg="add del">
          <ac:chgData name="Matias Vázquez Piñón" userId="e82d7a76-e5c2-4749-baff-1bb8c1dfc0d7" providerId="ADAL" clId="{FC50E581-9A3F-A24F-9546-F40EB98BED79}" dt="2022-08-23T17:55:31.643" v="57"/>
          <ac:inkMkLst>
            <pc:docMk/>
            <pc:sldMk cId="3451113877" sldId="296"/>
            <ac:inkMk id="43" creationId="{71C0C92B-9028-AFEC-8FEC-54160B78FBCF}"/>
          </ac:inkMkLst>
        </pc:inkChg>
        <pc:inkChg chg="add del">
          <ac:chgData name="Matias Vázquez Piñón" userId="e82d7a76-e5c2-4749-baff-1bb8c1dfc0d7" providerId="ADAL" clId="{FC50E581-9A3F-A24F-9546-F40EB98BED79}" dt="2022-08-23T17:55:31.643" v="57"/>
          <ac:inkMkLst>
            <pc:docMk/>
            <pc:sldMk cId="3451113877" sldId="296"/>
            <ac:inkMk id="44" creationId="{E50CA2C5-3CB3-7C4F-A24F-82439A75A7E1}"/>
          </ac:inkMkLst>
        </pc:inkChg>
        <pc:inkChg chg="add del">
          <ac:chgData name="Matias Vázquez Piñón" userId="e82d7a76-e5c2-4749-baff-1bb8c1dfc0d7" providerId="ADAL" clId="{FC50E581-9A3F-A24F-9546-F40EB98BED79}" dt="2022-08-23T17:55:31.643" v="57"/>
          <ac:inkMkLst>
            <pc:docMk/>
            <pc:sldMk cId="3451113877" sldId="296"/>
            <ac:inkMk id="45" creationId="{3DC7F9AD-89DC-F404-3AD0-43AB9703BC00}"/>
          </ac:inkMkLst>
        </pc:inkChg>
        <pc:inkChg chg="add del">
          <ac:chgData name="Matias Vázquez Piñón" userId="e82d7a76-e5c2-4749-baff-1bb8c1dfc0d7" providerId="ADAL" clId="{FC50E581-9A3F-A24F-9546-F40EB98BED79}" dt="2022-08-23T17:55:31.643" v="57"/>
          <ac:inkMkLst>
            <pc:docMk/>
            <pc:sldMk cId="3451113877" sldId="296"/>
            <ac:inkMk id="46" creationId="{F4415AA8-BE1C-9384-0B84-CBC21CD161BF}"/>
          </ac:inkMkLst>
        </pc:inkChg>
        <pc:inkChg chg="add del">
          <ac:chgData name="Matias Vázquez Piñón" userId="e82d7a76-e5c2-4749-baff-1bb8c1dfc0d7" providerId="ADAL" clId="{FC50E581-9A3F-A24F-9546-F40EB98BED79}" dt="2022-08-23T17:55:31.643" v="57"/>
          <ac:inkMkLst>
            <pc:docMk/>
            <pc:sldMk cId="3451113877" sldId="296"/>
            <ac:inkMk id="47" creationId="{BE71C31F-0E33-A0A1-FBDA-6498A1E0DCBC}"/>
          </ac:inkMkLst>
        </pc:inkChg>
        <pc:inkChg chg="add del">
          <ac:chgData name="Matias Vázquez Piñón" userId="e82d7a76-e5c2-4749-baff-1bb8c1dfc0d7" providerId="ADAL" clId="{FC50E581-9A3F-A24F-9546-F40EB98BED79}" dt="2022-08-23T17:55:31.643" v="57"/>
          <ac:inkMkLst>
            <pc:docMk/>
            <pc:sldMk cId="3451113877" sldId="296"/>
            <ac:inkMk id="48" creationId="{6C8F4157-FDF5-3D33-A260-D1B2C91A7AB1}"/>
          </ac:inkMkLst>
        </pc:inkChg>
        <pc:inkChg chg="add del">
          <ac:chgData name="Matias Vázquez Piñón" userId="e82d7a76-e5c2-4749-baff-1bb8c1dfc0d7" providerId="ADAL" clId="{FC50E581-9A3F-A24F-9546-F40EB98BED79}" dt="2022-08-23T17:55:31.643" v="57"/>
          <ac:inkMkLst>
            <pc:docMk/>
            <pc:sldMk cId="3451113877" sldId="296"/>
            <ac:inkMk id="49" creationId="{6D753C60-B190-3B60-6D2F-74B631A2CAB6}"/>
          </ac:inkMkLst>
        </pc:inkChg>
        <pc:inkChg chg="add del">
          <ac:chgData name="Matias Vázquez Piñón" userId="e82d7a76-e5c2-4749-baff-1bb8c1dfc0d7" providerId="ADAL" clId="{FC50E581-9A3F-A24F-9546-F40EB98BED79}" dt="2022-08-23T17:55:31.643" v="57"/>
          <ac:inkMkLst>
            <pc:docMk/>
            <pc:sldMk cId="3451113877" sldId="296"/>
            <ac:inkMk id="50" creationId="{71C52A68-A038-1F50-6DD5-E41302B8F785}"/>
          </ac:inkMkLst>
        </pc:inkChg>
        <pc:inkChg chg="add del">
          <ac:chgData name="Matias Vázquez Piñón" userId="e82d7a76-e5c2-4749-baff-1bb8c1dfc0d7" providerId="ADAL" clId="{FC50E581-9A3F-A24F-9546-F40EB98BED79}" dt="2022-08-23T17:55:31.643" v="57"/>
          <ac:inkMkLst>
            <pc:docMk/>
            <pc:sldMk cId="3451113877" sldId="296"/>
            <ac:inkMk id="51" creationId="{BF8E1021-B548-1FCD-A389-5A01970BE779}"/>
          </ac:inkMkLst>
        </pc:inkChg>
        <pc:inkChg chg="add del reco">
          <ac:chgData name="Matias Vázquez Piñón" userId="e82d7a76-e5c2-4749-baff-1bb8c1dfc0d7" providerId="ADAL" clId="{FC50E581-9A3F-A24F-9546-F40EB98BED79}" dt="2022-08-23T17:55:48.583" v="67"/>
          <ac:inkMkLst>
            <pc:docMk/>
            <pc:sldMk cId="3451113877" sldId="296"/>
            <ac:inkMk id="52" creationId="{F3DE7816-6D28-60A6-8808-9339BA9C646B}"/>
          </ac:inkMkLst>
        </pc:inkChg>
        <pc:inkChg chg="add del">
          <ac:chgData name="Matias Vázquez Piñón" userId="e82d7a76-e5c2-4749-baff-1bb8c1dfc0d7" providerId="ADAL" clId="{FC50E581-9A3F-A24F-9546-F40EB98BED79}" dt="2022-08-23T17:55:42.422" v="64"/>
          <ac:inkMkLst>
            <pc:docMk/>
            <pc:sldMk cId="3451113877" sldId="296"/>
            <ac:inkMk id="53" creationId="{2AAB59E6-F40C-DBF3-852E-D6B4D28922E0}"/>
          </ac:inkMkLst>
        </pc:inkChg>
        <pc:inkChg chg="add del">
          <ac:chgData name="Matias Vázquez Piñón" userId="e82d7a76-e5c2-4749-baff-1bb8c1dfc0d7" providerId="ADAL" clId="{FC50E581-9A3F-A24F-9546-F40EB98BED79}" dt="2022-08-23T17:55:42.422" v="64"/>
          <ac:inkMkLst>
            <pc:docMk/>
            <pc:sldMk cId="3451113877" sldId="296"/>
            <ac:inkMk id="54" creationId="{5ECC5DC1-5FE4-335E-A0AA-9168BB4F8FCB}"/>
          </ac:inkMkLst>
        </pc:inkChg>
        <pc:inkChg chg="add del">
          <ac:chgData name="Matias Vázquez Piñón" userId="e82d7a76-e5c2-4749-baff-1bb8c1dfc0d7" providerId="ADAL" clId="{FC50E581-9A3F-A24F-9546-F40EB98BED79}" dt="2022-08-23T17:55:42.422" v="64"/>
          <ac:inkMkLst>
            <pc:docMk/>
            <pc:sldMk cId="3451113877" sldId="296"/>
            <ac:inkMk id="55" creationId="{3B4DF46A-6571-69C3-3CCE-146D872F2DFC}"/>
          </ac:inkMkLst>
        </pc:inkChg>
        <pc:inkChg chg="add del">
          <ac:chgData name="Matias Vázquez Piñón" userId="e82d7a76-e5c2-4749-baff-1bb8c1dfc0d7" providerId="ADAL" clId="{FC50E581-9A3F-A24F-9546-F40EB98BED79}" dt="2022-08-23T17:55:42.422" v="64"/>
          <ac:inkMkLst>
            <pc:docMk/>
            <pc:sldMk cId="3451113877" sldId="296"/>
            <ac:inkMk id="56" creationId="{29C35DBD-DA24-0806-B9C0-4F129E10813E}"/>
          </ac:inkMkLst>
        </pc:inkChg>
        <pc:inkChg chg="add del">
          <ac:chgData name="Matias Vázquez Piñón" userId="e82d7a76-e5c2-4749-baff-1bb8c1dfc0d7" providerId="ADAL" clId="{FC50E581-9A3F-A24F-9546-F40EB98BED79}" dt="2022-08-23T17:55:42.422" v="64"/>
          <ac:inkMkLst>
            <pc:docMk/>
            <pc:sldMk cId="3451113877" sldId="296"/>
            <ac:inkMk id="57" creationId="{C70119AC-A577-FD4B-184C-8AF2FB50E9FA}"/>
          </ac:inkMkLst>
        </pc:inkChg>
        <pc:inkChg chg="add del">
          <ac:chgData name="Matias Vázquez Piñón" userId="e82d7a76-e5c2-4749-baff-1bb8c1dfc0d7" providerId="ADAL" clId="{FC50E581-9A3F-A24F-9546-F40EB98BED79}" dt="2022-08-23T17:55:42.422" v="64"/>
          <ac:inkMkLst>
            <pc:docMk/>
            <pc:sldMk cId="3451113877" sldId="296"/>
            <ac:inkMk id="58" creationId="{3C368682-36D0-D584-F639-9406F4DA1D40}"/>
          </ac:inkMkLst>
        </pc:inkChg>
        <pc:inkChg chg="add del reco">
          <ac:chgData name="Matias Vázquez Piñón" userId="e82d7a76-e5c2-4749-baff-1bb8c1dfc0d7" providerId="ADAL" clId="{FC50E581-9A3F-A24F-9546-F40EB98BED79}" dt="2022-08-23T17:55:48.587" v="68"/>
          <ac:inkMkLst>
            <pc:docMk/>
            <pc:sldMk cId="3451113877" sldId="296"/>
            <ac:inkMk id="59" creationId="{4D400FE6-4D41-B9C1-EC1C-F8ADBABD5076}"/>
          </ac:inkMkLst>
        </pc:inkChg>
        <pc:inkChg chg="add del">
          <ac:chgData name="Matias Vázquez Piñón" userId="e82d7a76-e5c2-4749-baff-1bb8c1dfc0d7" providerId="ADAL" clId="{FC50E581-9A3F-A24F-9546-F40EB98BED79}" dt="2022-08-23T17:55:48.579" v="66"/>
          <ac:inkMkLst>
            <pc:docMk/>
            <pc:sldMk cId="3451113877" sldId="296"/>
            <ac:inkMk id="60" creationId="{E321AC32-03EE-6C47-8FAF-471100B341A6}"/>
          </ac:inkMkLst>
        </pc:inkChg>
        <pc:inkChg chg="add del">
          <ac:chgData name="Matias Vázquez Piñón" userId="e82d7a76-e5c2-4749-baff-1bb8c1dfc0d7" providerId="ADAL" clId="{FC50E581-9A3F-A24F-9546-F40EB98BED79}" dt="2022-08-23T17:55:56.578" v="74"/>
          <ac:inkMkLst>
            <pc:docMk/>
            <pc:sldMk cId="3451113877" sldId="296"/>
            <ac:inkMk id="61" creationId="{6D0B3E23-6FA7-C7C4-13CA-451C1BD5462E}"/>
          </ac:inkMkLst>
        </pc:inkChg>
        <pc:inkChg chg="add del">
          <ac:chgData name="Matias Vázquez Piñón" userId="e82d7a76-e5c2-4749-baff-1bb8c1dfc0d7" providerId="ADAL" clId="{FC50E581-9A3F-A24F-9546-F40EB98BED79}" dt="2022-08-23T17:55:56.578" v="74"/>
          <ac:inkMkLst>
            <pc:docMk/>
            <pc:sldMk cId="3451113877" sldId="296"/>
            <ac:inkMk id="62" creationId="{104B6C8C-ECBE-5EB3-4653-EB5595185946}"/>
          </ac:inkMkLst>
        </pc:inkChg>
        <pc:inkChg chg="add del">
          <ac:chgData name="Matias Vázquez Piñón" userId="e82d7a76-e5c2-4749-baff-1bb8c1dfc0d7" providerId="ADAL" clId="{FC50E581-9A3F-A24F-9546-F40EB98BED79}" dt="2022-08-23T17:55:56.578" v="74"/>
          <ac:inkMkLst>
            <pc:docMk/>
            <pc:sldMk cId="3451113877" sldId="296"/>
            <ac:inkMk id="63" creationId="{2FDB8696-377A-C3BD-DA8F-625FF3B26C3B}"/>
          </ac:inkMkLst>
        </pc:inkChg>
        <pc:inkChg chg="add del">
          <ac:chgData name="Matias Vázquez Piñón" userId="e82d7a76-e5c2-4749-baff-1bb8c1dfc0d7" providerId="ADAL" clId="{FC50E581-9A3F-A24F-9546-F40EB98BED79}" dt="2022-08-23T17:55:56.578" v="74"/>
          <ac:inkMkLst>
            <pc:docMk/>
            <pc:sldMk cId="3451113877" sldId="296"/>
            <ac:inkMk id="64" creationId="{A8EF9F7F-92BB-A8EA-0D8F-CA4085809979}"/>
          </ac:inkMkLst>
        </pc:inkChg>
        <pc:inkChg chg="add del">
          <ac:chgData name="Matias Vázquez Piñón" userId="e82d7a76-e5c2-4749-baff-1bb8c1dfc0d7" providerId="ADAL" clId="{FC50E581-9A3F-A24F-9546-F40EB98BED79}" dt="2022-08-23T17:55:56.578" v="74"/>
          <ac:inkMkLst>
            <pc:docMk/>
            <pc:sldMk cId="3451113877" sldId="296"/>
            <ac:inkMk id="65" creationId="{FBCEBA3E-85BA-A170-0628-BCEFFF0CD9F5}"/>
          </ac:inkMkLst>
        </pc:inkChg>
        <pc:inkChg chg="add del reco">
          <ac:chgData name="Matias Vázquez Piñón" userId="e82d7a76-e5c2-4749-baff-1bb8c1dfc0d7" providerId="ADAL" clId="{FC50E581-9A3F-A24F-9546-F40EB98BED79}" dt="2022-08-23T17:56:01.857" v="82"/>
          <ac:inkMkLst>
            <pc:docMk/>
            <pc:sldMk cId="3451113877" sldId="296"/>
            <ac:inkMk id="66" creationId="{BE5C4983-4052-0875-BAC8-7EAE15E95DC0}"/>
          </ac:inkMkLst>
        </pc:inkChg>
        <pc:inkChg chg="add del">
          <ac:chgData name="Matias Vázquez Piñón" userId="e82d7a76-e5c2-4749-baff-1bb8c1dfc0d7" providerId="ADAL" clId="{FC50E581-9A3F-A24F-9546-F40EB98BED79}" dt="2022-08-23T17:56:00.223" v="80"/>
          <ac:inkMkLst>
            <pc:docMk/>
            <pc:sldMk cId="3451113877" sldId="296"/>
            <ac:inkMk id="67" creationId="{12F04D67-E42C-E60A-65EB-94A6437B4F21}"/>
          </ac:inkMkLst>
        </pc:inkChg>
        <pc:inkChg chg="add del">
          <ac:chgData name="Matias Vázquez Piñón" userId="e82d7a76-e5c2-4749-baff-1bb8c1dfc0d7" providerId="ADAL" clId="{FC50E581-9A3F-A24F-9546-F40EB98BED79}" dt="2022-08-23T17:56:00.223" v="80"/>
          <ac:inkMkLst>
            <pc:docMk/>
            <pc:sldMk cId="3451113877" sldId="296"/>
            <ac:inkMk id="68" creationId="{93E20855-F265-AC74-B501-836EA3B0EE2A}"/>
          </ac:inkMkLst>
        </pc:inkChg>
        <pc:inkChg chg="add del">
          <ac:chgData name="Matias Vázquez Piñón" userId="e82d7a76-e5c2-4749-baff-1bb8c1dfc0d7" providerId="ADAL" clId="{FC50E581-9A3F-A24F-9546-F40EB98BED79}" dt="2022-08-23T17:56:00.223" v="80"/>
          <ac:inkMkLst>
            <pc:docMk/>
            <pc:sldMk cId="3451113877" sldId="296"/>
            <ac:inkMk id="69" creationId="{C28197AE-0E60-B3CF-F7D4-3BAE9327A489}"/>
          </ac:inkMkLst>
        </pc:inkChg>
        <pc:inkChg chg="add del">
          <ac:chgData name="Matias Vázquez Piñón" userId="e82d7a76-e5c2-4749-baff-1bb8c1dfc0d7" providerId="ADAL" clId="{FC50E581-9A3F-A24F-9546-F40EB98BED79}" dt="2022-08-23T17:56:00.223" v="80"/>
          <ac:inkMkLst>
            <pc:docMk/>
            <pc:sldMk cId="3451113877" sldId="296"/>
            <ac:inkMk id="70" creationId="{AE77E156-09BB-0C39-BF4B-8E62BCBFDBFA}"/>
          </ac:inkMkLst>
        </pc:inkChg>
        <pc:inkChg chg="add del">
          <ac:chgData name="Matias Vázquez Piñón" userId="e82d7a76-e5c2-4749-baff-1bb8c1dfc0d7" providerId="ADAL" clId="{FC50E581-9A3F-A24F-9546-F40EB98BED79}" dt="2022-08-23T17:56:00.223" v="80"/>
          <ac:inkMkLst>
            <pc:docMk/>
            <pc:sldMk cId="3451113877" sldId="296"/>
            <ac:inkMk id="71" creationId="{15AAFD23-C745-B194-57BD-01680E29FE0F}"/>
          </ac:inkMkLst>
        </pc:inkChg>
        <pc:inkChg chg="add del reco">
          <ac:chgData name="Matias Vázquez Piñón" userId="e82d7a76-e5c2-4749-baff-1bb8c1dfc0d7" providerId="ADAL" clId="{FC50E581-9A3F-A24F-9546-F40EB98BED79}" dt="2022-08-23T17:56:01.851" v="81"/>
          <ac:inkMkLst>
            <pc:docMk/>
            <pc:sldMk cId="3451113877" sldId="296"/>
            <ac:inkMk id="72" creationId="{CEF0B996-BF71-43EA-01FD-8BB4A9703707}"/>
          </ac:inkMkLst>
        </pc:inkChg>
        <pc:inkChg chg="add del">
          <ac:chgData name="Matias Vázquez Piñón" userId="e82d7a76-e5c2-4749-baff-1bb8c1dfc0d7" providerId="ADAL" clId="{FC50E581-9A3F-A24F-9546-F40EB98BED79}" dt="2022-08-23T17:56:07.336" v="85"/>
          <ac:inkMkLst>
            <pc:docMk/>
            <pc:sldMk cId="3451113877" sldId="296"/>
            <ac:inkMk id="73" creationId="{259F22FA-533D-48CB-74D9-45EC08A05DD8}"/>
          </ac:inkMkLst>
        </pc:inkChg>
        <pc:inkChg chg="add del">
          <ac:chgData name="Matias Vázquez Piñón" userId="e82d7a76-e5c2-4749-baff-1bb8c1dfc0d7" providerId="ADAL" clId="{FC50E581-9A3F-A24F-9546-F40EB98BED79}" dt="2022-08-23T17:56:07.336" v="85"/>
          <ac:inkMkLst>
            <pc:docMk/>
            <pc:sldMk cId="3451113877" sldId="296"/>
            <ac:inkMk id="74" creationId="{B08A3159-06B2-BC9B-C334-D8EDF9653847}"/>
          </ac:inkMkLst>
        </pc:inkChg>
        <pc:inkChg chg="add del reco">
          <ac:chgData name="Matias Vázquez Piñón" userId="e82d7a76-e5c2-4749-baff-1bb8c1dfc0d7" providerId="ADAL" clId="{FC50E581-9A3F-A24F-9546-F40EB98BED79}" dt="2022-08-23T17:56:08.709" v="86"/>
          <ac:inkMkLst>
            <pc:docMk/>
            <pc:sldMk cId="3451113877" sldId="296"/>
            <ac:inkMk id="75" creationId="{DA642451-AD03-593E-4428-72DBF56431C1}"/>
          </ac:inkMkLst>
        </pc:inkChg>
        <pc:inkChg chg="add del">
          <ac:chgData name="Matias Vázquez Piñón" userId="e82d7a76-e5c2-4749-baff-1bb8c1dfc0d7" providerId="ADAL" clId="{FC50E581-9A3F-A24F-9546-F40EB98BED79}" dt="2022-08-23T17:56:14.845" v="92"/>
          <ac:inkMkLst>
            <pc:docMk/>
            <pc:sldMk cId="3451113877" sldId="296"/>
            <ac:inkMk id="76" creationId="{FB2C16BE-E8D7-9F79-F7C4-113286FD42DD}"/>
          </ac:inkMkLst>
        </pc:inkChg>
        <pc:inkChg chg="add del">
          <ac:chgData name="Matias Vázquez Piñón" userId="e82d7a76-e5c2-4749-baff-1bb8c1dfc0d7" providerId="ADAL" clId="{FC50E581-9A3F-A24F-9546-F40EB98BED79}" dt="2022-08-23T17:56:14.845" v="92"/>
          <ac:inkMkLst>
            <pc:docMk/>
            <pc:sldMk cId="3451113877" sldId="296"/>
            <ac:inkMk id="77" creationId="{BA90C3C8-6D3D-EAA2-879C-E5410A9F057F}"/>
          </ac:inkMkLst>
        </pc:inkChg>
        <pc:inkChg chg="add del">
          <ac:chgData name="Matias Vázquez Piñón" userId="e82d7a76-e5c2-4749-baff-1bb8c1dfc0d7" providerId="ADAL" clId="{FC50E581-9A3F-A24F-9546-F40EB98BED79}" dt="2022-08-23T17:56:14.845" v="92"/>
          <ac:inkMkLst>
            <pc:docMk/>
            <pc:sldMk cId="3451113877" sldId="296"/>
            <ac:inkMk id="78" creationId="{52B7ACAE-38E2-08D3-B5E0-40A2B2D9A47A}"/>
          </ac:inkMkLst>
        </pc:inkChg>
        <pc:inkChg chg="add del">
          <ac:chgData name="Matias Vázquez Piñón" userId="e82d7a76-e5c2-4749-baff-1bb8c1dfc0d7" providerId="ADAL" clId="{FC50E581-9A3F-A24F-9546-F40EB98BED79}" dt="2022-08-23T17:56:14.845" v="92"/>
          <ac:inkMkLst>
            <pc:docMk/>
            <pc:sldMk cId="3451113877" sldId="296"/>
            <ac:inkMk id="79" creationId="{32FC9BC3-5B50-8115-B2BC-5759250C6C33}"/>
          </ac:inkMkLst>
        </pc:inkChg>
        <pc:inkChg chg="add del">
          <ac:chgData name="Matias Vázquez Piñón" userId="e82d7a76-e5c2-4749-baff-1bb8c1dfc0d7" providerId="ADAL" clId="{FC50E581-9A3F-A24F-9546-F40EB98BED79}" dt="2022-08-23T17:56:14.845" v="92"/>
          <ac:inkMkLst>
            <pc:docMk/>
            <pc:sldMk cId="3451113877" sldId="296"/>
            <ac:inkMk id="80" creationId="{EC2698BC-30E3-30BC-4A2C-8A4A6CF32B9E}"/>
          </ac:inkMkLst>
        </pc:inkChg>
        <pc:inkChg chg="add del reco">
          <ac:chgData name="Matias Vázquez Piñón" userId="e82d7a76-e5c2-4749-baff-1bb8c1dfc0d7" providerId="ADAL" clId="{FC50E581-9A3F-A24F-9546-F40EB98BED79}" dt="2022-08-23T17:56:20.256" v="93"/>
          <ac:inkMkLst>
            <pc:docMk/>
            <pc:sldMk cId="3451113877" sldId="296"/>
            <ac:inkMk id="81" creationId="{021A5EC7-2D83-901A-6A7A-AFD830985A71}"/>
          </ac:inkMkLst>
        </pc:inkChg>
        <pc:inkChg chg="add del">
          <ac:chgData name="Matias Vázquez Piñón" userId="e82d7a76-e5c2-4749-baff-1bb8c1dfc0d7" providerId="ADAL" clId="{FC50E581-9A3F-A24F-9546-F40EB98BED79}" dt="2022-08-23T17:56:25.741" v="100"/>
          <ac:inkMkLst>
            <pc:docMk/>
            <pc:sldMk cId="3451113877" sldId="296"/>
            <ac:inkMk id="82" creationId="{1B7848A7-3AD3-D71A-0A92-F9E045884E98}"/>
          </ac:inkMkLst>
        </pc:inkChg>
        <pc:inkChg chg="add del">
          <ac:chgData name="Matias Vázquez Piñón" userId="e82d7a76-e5c2-4749-baff-1bb8c1dfc0d7" providerId="ADAL" clId="{FC50E581-9A3F-A24F-9546-F40EB98BED79}" dt="2022-08-23T17:56:25.741" v="100"/>
          <ac:inkMkLst>
            <pc:docMk/>
            <pc:sldMk cId="3451113877" sldId="296"/>
            <ac:inkMk id="83" creationId="{486F5C49-415D-F463-A926-20581774D2C7}"/>
          </ac:inkMkLst>
        </pc:inkChg>
        <pc:inkChg chg="add del">
          <ac:chgData name="Matias Vázquez Piñón" userId="e82d7a76-e5c2-4749-baff-1bb8c1dfc0d7" providerId="ADAL" clId="{FC50E581-9A3F-A24F-9546-F40EB98BED79}" dt="2022-08-23T17:56:25.741" v="100"/>
          <ac:inkMkLst>
            <pc:docMk/>
            <pc:sldMk cId="3451113877" sldId="296"/>
            <ac:inkMk id="84" creationId="{94F70130-6ACC-D5A0-9EAC-7E2577420370}"/>
          </ac:inkMkLst>
        </pc:inkChg>
        <pc:inkChg chg="add del">
          <ac:chgData name="Matias Vázquez Piñón" userId="e82d7a76-e5c2-4749-baff-1bb8c1dfc0d7" providerId="ADAL" clId="{FC50E581-9A3F-A24F-9546-F40EB98BED79}" dt="2022-08-23T17:56:25.741" v="100"/>
          <ac:inkMkLst>
            <pc:docMk/>
            <pc:sldMk cId="3451113877" sldId="296"/>
            <ac:inkMk id="85" creationId="{1236CC58-D926-7877-D1F6-965BAB0A5E4A}"/>
          </ac:inkMkLst>
        </pc:inkChg>
        <pc:inkChg chg="add del">
          <ac:chgData name="Matias Vázquez Piñón" userId="e82d7a76-e5c2-4749-baff-1bb8c1dfc0d7" providerId="ADAL" clId="{FC50E581-9A3F-A24F-9546-F40EB98BED79}" dt="2022-08-23T17:56:25.741" v="100"/>
          <ac:inkMkLst>
            <pc:docMk/>
            <pc:sldMk cId="3451113877" sldId="296"/>
            <ac:inkMk id="86" creationId="{DF55E8AB-5BDE-1DBB-9FCC-7B2ABE050F20}"/>
          </ac:inkMkLst>
        </pc:inkChg>
        <pc:inkChg chg="add del">
          <ac:chgData name="Matias Vázquez Piñón" userId="e82d7a76-e5c2-4749-baff-1bb8c1dfc0d7" providerId="ADAL" clId="{FC50E581-9A3F-A24F-9546-F40EB98BED79}" dt="2022-08-23T17:56:25.741" v="100"/>
          <ac:inkMkLst>
            <pc:docMk/>
            <pc:sldMk cId="3451113877" sldId="296"/>
            <ac:inkMk id="87" creationId="{26CB55A3-BF85-352A-E4AF-D7BC422BA6DC}"/>
          </ac:inkMkLst>
        </pc:inkChg>
        <pc:inkChg chg="add del reco">
          <ac:chgData name="Matias Vázquez Piñón" userId="e82d7a76-e5c2-4749-baff-1bb8c1dfc0d7" providerId="ADAL" clId="{FC50E581-9A3F-A24F-9546-F40EB98BED79}" dt="2022-08-23T17:56:37.187" v="104"/>
          <ac:inkMkLst>
            <pc:docMk/>
            <pc:sldMk cId="3451113877" sldId="296"/>
            <ac:inkMk id="88" creationId="{27C8F522-9799-CFEA-090E-FC122EEA7600}"/>
          </ac:inkMkLst>
        </pc:inkChg>
        <pc:inkChg chg="add del">
          <ac:chgData name="Matias Vázquez Piñón" userId="e82d7a76-e5c2-4749-baff-1bb8c1dfc0d7" providerId="ADAL" clId="{FC50E581-9A3F-A24F-9546-F40EB98BED79}" dt="2022-08-23T17:56:34.578" v="103"/>
          <ac:inkMkLst>
            <pc:docMk/>
            <pc:sldMk cId="3451113877" sldId="296"/>
            <ac:inkMk id="89" creationId="{692B1E69-4592-327E-574B-0CCF39374468}"/>
          </ac:inkMkLst>
        </pc:inkChg>
        <pc:inkChg chg="add del">
          <ac:chgData name="Matias Vázquez Piñón" userId="e82d7a76-e5c2-4749-baff-1bb8c1dfc0d7" providerId="ADAL" clId="{FC50E581-9A3F-A24F-9546-F40EB98BED79}" dt="2022-08-23T17:56:34.578" v="103"/>
          <ac:inkMkLst>
            <pc:docMk/>
            <pc:sldMk cId="3451113877" sldId="296"/>
            <ac:inkMk id="90" creationId="{94C0F305-90EA-64D8-E17C-00EA53C036F2}"/>
          </ac:inkMkLst>
        </pc:inkChg>
        <pc:inkChg chg="add del reco">
          <ac:chgData name="Matias Vázquez Piñón" userId="e82d7a76-e5c2-4749-baff-1bb8c1dfc0d7" providerId="ADAL" clId="{FC50E581-9A3F-A24F-9546-F40EB98BED79}" dt="2022-08-23T17:56:37.193" v="105"/>
          <ac:inkMkLst>
            <pc:docMk/>
            <pc:sldMk cId="3451113877" sldId="296"/>
            <ac:inkMk id="91" creationId="{58811F74-D2AB-3A86-FD12-572DCE764007}"/>
          </ac:inkMkLst>
        </pc:inkChg>
        <pc:inkChg chg="add del">
          <ac:chgData name="Matias Vázquez Piñón" userId="e82d7a76-e5c2-4749-baff-1bb8c1dfc0d7" providerId="ADAL" clId="{FC50E581-9A3F-A24F-9546-F40EB98BED79}" dt="2022-08-23T17:56:44.210" v="114"/>
          <ac:inkMkLst>
            <pc:docMk/>
            <pc:sldMk cId="3451113877" sldId="296"/>
            <ac:inkMk id="92" creationId="{9A4B87E1-6CB7-B4B5-0C73-152B85780B40}"/>
          </ac:inkMkLst>
        </pc:inkChg>
        <pc:inkChg chg="add del">
          <ac:chgData name="Matias Vázquez Piñón" userId="e82d7a76-e5c2-4749-baff-1bb8c1dfc0d7" providerId="ADAL" clId="{FC50E581-9A3F-A24F-9546-F40EB98BED79}" dt="2022-08-23T17:56:44.210" v="114"/>
          <ac:inkMkLst>
            <pc:docMk/>
            <pc:sldMk cId="3451113877" sldId="296"/>
            <ac:inkMk id="93" creationId="{1C13B3CD-4EA8-F51C-EEE2-BE78581E71B6}"/>
          </ac:inkMkLst>
        </pc:inkChg>
        <pc:inkChg chg="add del">
          <ac:chgData name="Matias Vázquez Piñón" userId="e82d7a76-e5c2-4749-baff-1bb8c1dfc0d7" providerId="ADAL" clId="{FC50E581-9A3F-A24F-9546-F40EB98BED79}" dt="2022-08-23T17:56:44.210" v="114"/>
          <ac:inkMkLst>
            <pc:docMk/>
            <pc:sldMk cId="3451113877" sldId="296"/>
            <ac:inkMk id="94" creationId="{969C2CF0-5D3A-91C6-9D20-8D0E4016FFCA}"/>
          </ac:inkMkLst>
        </pc:inkChg>
        <pc:inkChg chg="add del">
          <ac:chgData name="Matias Vázquez Piñón" userId="e82d7a76-e5c2-4749-baff-1bb8c1dfc0d7" providerId="ADAL" clId="{FC50E581-9A3F-A24F-9546-F40EB98BED79}" dt="2022-08-23T17:56:44.210" v="114"/>
          <ac:inkMkLst>
            <pc:docMk/>
            <pc:sldMk cId="3451113877" sldId="296"/>
            <ac:inkMk id="95" creationId="{9660E2CB-9CFE-CD19-6B5B-BDD9FB42AF67}"/>
          </ac:inkMkLst>
        </pc:inkChg>
        <pc:inkChg chg="add del">
          <ac:chgData name="Matias Vázquez Piñón" userId="e82d7a76-e5c2-4749-baff-1bb8c1dfc0d7" providerId="ADAL" clId="{FC50E581-9A3F-A24F-9546-F40EB98BED79}" dt="2022-08-23T17:56:44.210" v="114"/>
          <ac:inkMkLst>
            <pc:docMk/>
            <pc:sldMk cId="3451113877" sldId="296"/>
            <ac:inkMk id="96" creationId="{42DCF2F2-D1E9-B887-1C0D-766B00813AD4}"/>
          </ac:inkMkLst>
        </pc:inkChg>
        <pc:inkChg chg="add del">
          <ac:chgData name="Matias Vázquez Piñón" userId="e82d7a76-e5c2-4749-baff-1bb8c1dfc0d7" providerId="ADAL" clId="{FC50E581-9A3F-A24F-9546-F40EB98BED79}" dt="2022-08-23T17:56:44.210" v="114"/>
          <ac:inkMkLst>
            <pc:docMk/>
            <pc:sldMk cId="3451113877" sldId="296"/>
            <ac:inkMk id="97" creationId="{1F7BCE43-2825-D0C6-676D-16AF6F652EEC}"/>
          </ac:inkMkLst>
        </pc:inkChg>
        <pc:inkChg chg="add del">
          <ac:chgData name="Matias Vázquez Piñón" userId="e82d7a76-e5c2-4749-baff-1bb8c1dfc0d7" providerId="ADAL" clId="{FC50E581-9A3F-A24F-9546-F40EB98BED79}" dt="2022-08-23T17:56:44.210" v="114"/>
          <ac:inkMkLst>
            <pc:docMk/>
            <pc:sldMk cId="3451113877" sldId="296"/>
            <ac:inkMk id="98" creationId="{7A930D82-7CFB-38AE-213E-43261CA15977}"/>
          </ac:inkMkLst>
        </pc:inkChg>
        <pc:inkChg chg="add del">
          <ac:chgData name="Matias Vázquez Piñón" userId="e82d7a76-e5c2-4749-baff-1bb8c1dfc0d7" providerId="ADAL" clId="{FC50E581-9A3F-A24F-9546-F40EB98BED79}" dt="2022-08-23T17:56:44.210" v="114"/>
          <ac:inkMkLst>
            <pc:docMk/>
            <pc:sldMk cId="3451113877" sldId="296"/>
            <ac:inkMk id="99" creationId="{5BDD02AD-870B-2042-CE38-8BD0AC8A7C0D}"/>
          </ac:inkMkLst>
        </pc:inkChg>
        <pc:inkChg chg="add del reco">
          <ac:chgData name="Matias Vázquez Piñón" userId="e82d7a76-e5c2-4749-baff-1bb8c1dfc0d7" providerId="ADAL" clId="{FC50E581-9A3F-A24F-9546-F40EB98BED79}" dt="2022-08-23T17:56:45.610" v="115"/>
          <ac:inkMkLst>
            <pc:docMk/>
            <pc:sldMk cId="3451113877" sldId="296"/>
            <ac:inkMk id="100" creationId="{7F73DD54-C874-4B40-A80E-A9F7A0E80439}"/>
          </ac:inkMkLst>
        </pc:inkChg>
        <pc:inkChg chg="add del">
          <ac:chgData name="Matias Vázquez Piñón" userId="e82d7a76-e5c2-4749-baff-1bb8c1dfc0d7" providerId="ADAL" clId="{FC50E581-9A3F-A24F-9546-F40EB98BED79}" dt="2022-08-23T17:56:52.838" v="122"/>
          <ac:inkMkLst>
            <pc:docMk/>
            <pc:sldMk cId="3451113877" sldId="296"/>
            <ac:inkMk id="101" creationId="{F7E32FA9-EA9C-2B08-45F9-BC12BE81EEF0}"/>
          </ac:inkMkLst>
        </pc:inkChg>
        <pc:inkChg chg="add del">
          <ac:chgData name="Matias Vázquez Piñón" userId="e82d7a76-e5c2-4749-baff-1bb8c1dfc0d7" providerId="ADAL" clId="{FC50E581-9A3F-A24F-9546-F40EB98BED79}" dt="2022-08-23T17:56:52.838" v="122"/>
          <ac:inkMkLst>
            <pc:docMk/>
            <pc:sldMk cId="3451113877" sldId="296"/>
            <ac:inkMk id="102" creationId="{5F4D88ED-35D7-5000-CD00-901DB6791DF7}"/>
          </ac:inkMkLst>
        </pc:inkChg>
        <pc:inkChg chg="add del">
          <ac:chgData name="Matias Vázquez Piñón" userId="e82d7a76-e5c2-4749-baff-1bb8c1dfc0d7" providerId="ADAL" clId="{FC50E581-9A3F-A24F-9546-F40EB98BED79}" dt="2022-08-23T17:56:52.838" v="122"/>
          <ac:inkMkLst>
            <pc:docMk/>
            <pc:sldMk cId="3451113877" sldId="296"/>
            <ac:inkMk id="103" creationId="{BA2EEE35-0EEC-24C7-95FD-F7096AD9ECA5}"/>
          </ac:inkMkLst>
        </pc:inkChg>
        <pc:inkChg chg="add del">
          <ac:chgData name="Matias Vázquez Piñón" userId="e82d7a76-e5c2-4749-baff-1bb8c1dfc0d7" providerId="ADAL" clId="{FC50E581-9A3F-A24F-9546-F40EB98BED79}" dt="2022-08-23T17:56:52.838" v="122"/>
          <ac:inkMkLst>
            <pc:docMk/>
            <pc:sldMk cId="3451113877" sldId="296"/>
            <ac:inkMk id="104" creationId="{6D057FF9-5971-8D99-52AA-C7D05E826858}"/>
          </ac:inkMkLst>
        </pc:inkChg>
        <pc:inkChg chg="add del">
          <ac:chgData name="Matias Vázquez Piñón" userId="e82d7a76-e5c2-4749-baff-1bb8c1dfc0d7" providerId="ADAL" clId="{FC50E581-9A3F-A24F-9546-F40EB98BED79}" dt="2022-08-23T17:56:52.838" v="122"/>
          <ac:inkMkLst>
            <pc:docMk/>
            <pc:sldMk cId="3451113877" sldId="296"/>
            <ac:inkMk id="105" creationId="{2E4D279A-E2C0-6B97-6CF5-43F113D03798}"/>
          </ac:inkMkLst>
        </pc:inkChg>
        <pc:inkChg chg="add del">
          <ac:chgData name="Matias Vázquez Piñón" userId="e82d7a76-e5c2-4749-baff-1bb8c1dfc0d7" providerId="ADAL" clId="{FC50E581-9A3F-A24F-9546-F40EB98BED79}" dt="2022-08-23T17:56:52.838" v="122"/>
          <ac:inkMkLst>
            <pc:docMk/>
            <pc:sldMk cId="3451113877" sldId="296"/>
            <ac:inkMk id="106" creationId="{2304E679-89DD-D81A-A983-9DDEA2736FDC}"/>
          </ac:inkMkLst>
        </pc:inkChg>
        <pc:inkChg chg="add del reco">
          <ac:chgData name="Matias Vázquez Piñón" userId="e82d7a76-e5c2-4749-baff-1bb8c1dfc0d7" providerId="ADAL" clId="{FC50E581-9A3F-A24F-9546-F40EB98BED79}" dt="2022-08-23T17:56:56.225" v="123"/>
          <ac:inkMkLst>
            <pc:docMk/>
            <pc:sldMk cId="3451113877" sldId="296"/>
            <ac:inkMk id="107" creationId="{2FDDD83A-A03C-82F2-3BD1-15599A7FA9CA}"/>
          </ac:inkMkLst>
        </pc:inkChg>
        <pc:inkChg chg="add del">
          <ac:chgData name="Matias Vázquez Piñón" userId="e82d7a76-e5c2-4749-baff-1bb8c1dfc0d7" providerId="ADAL" clId="{FC50E581-9A3F-A24F-9546-F40EB98BED79}" dt="2022-08-23T17:57:01.560" v="128"/>
          <ac:inkMkLst>
            <pc:docMk/>
            <pc:sldMk cId="3451113877" sldId="296"/>
            <ac:inkMk id="108" creationId="{ABC9EAA9-C199-1A72-6E73-729926F63396}"/>
          </ac:inkMkLst>
        </pc:inkChg>
        <pc:inkChg chg="add del">
          <ac:chgData name="Matias Vázquez Piñón" userId="e82d7a76-e5c2-4749-baff-1bb8c1dfc0d7" providerId="ADAL" clId="{FC50E581-9A3F-A24F-9546-F40EB98BED79}" dt="2022-08-23T17:57:01.560" v="128"/>
          <ac:inkMkLst>
            <pc:docMk/>
            <pc:sldMk cId="3451113877" sldId="296"/>
            <ac:inkMk id="109" creationId="{19ABEDF8-DFB4-0B45-4FA8-F9DAD153B381}"/>
          </ac:inkMkLst>
        </pc:inkChg>
        <pc:inkChg chg="add del">
          <ac:chgData name="Matias Vázquez Piñón" userId="e82d7a76-e5c2-4749-baff-1bb8c1dfc0d7" providerId="ADAL" clId="{FC50E581-9A3F-A24F-9546-F40EB98BED79}" dt="2022-08-23T17:57:01.560" v="128"/>
          <ac:inkMkLst>
            <pc:docMk/>
            <pc:sldMk cId="3451113877" sldId="296"/>
            <ac:inkMk id="110" creationId="{D2182BD3-FAFB-B285-77DA-D5FE2C9BBD27}"/>
          </ac:inkMkLst>
        </pc:inkChg>
        <pc:inkChg chg="add del">
          <ac:chgData name="Matias Vázquez Piñón" userId="e82d7a76-e5c2-4749-baff-1bb8c1dfc0d7" providerId="ADAL" clId="{FC50E581-9A3F-A24F-9546-F40EB98BED79}" dt="2022-08-23T17:57:01.560" v="128"/>
          <ac:inkMkLst>
            <pc:docMk/>
            <pc:sldMk cId="3451113877" sldId="296"/>
            <ac:inkMk id="111" creationId="{BE0A0276-7EDA-8047-A563-C20B3B36415D}"/>
          </ac:inkMkLst>
        </pc:inkChg>
        <pc:inkChg chg="add del reco">
          <ac:chgData name="Matias Vázquez Piñón" userId="e82d7a76-e5c2-4749-baff-1bb8c1dfc0d7" providerId="ADAL" clId="{FC50E581-9A3F-A24F-9546-F40EB98BED79}" dt="2022-08-23T17:57:34.927" v="152"/>
          <ac:inkMkLst>
            <pc:docMk/>
            <pc:sldMk cId="3451113877" sldId="296"/>
            <ac:inkMk id="112" creationId="{7898F2FC-4E04-6481-E2EE-4F811387FC4C}"/>
          </ac:inkMkLst>
        </pc:inkChg>
        <pc:inkChg chg="add del">
          <ac:chgData name="Matias Vázquez Piñón" userId="e82d7a76-e5c2-4749-baff-1bb8c1dfc0d7" providerId="ADAL" clId="{FC50E581-9A3F-A24F-9546-F40EB98BED79}" dt="2022-08-23T17:57:05.123" v="131"/>
          <ac:inkMkLst>
            <pc:docMk/>
            <pc:sldMk cId="3451113877" sldId="296"/>
            <ac:inkMk id="113" creationId="{D2E759C9-7A1B-DA80-8678-E35610B3875E}"/>
          </ac:inkMkLst>
        </pc:inkChg>
        <pc:inkChg chg="add del">
          <ac:chgData name="Matias Vázquez Piñón" userId="e82d7a76-e5c2-4749-baff-1bb8c1dfc0d7" providerId="ADAL" clId="{FC50E581-9A3F-A24F-9546-F40EB98BED79}" dt="2022-08-23T17:57:05.123" v="131"/>
          <ac:inkMkLst>
            <pc:docMk/>
            <pc:sldMk cId="3451113877" sldId="296"/>
            <ac:inkMk id="114" creationId="{A4CA6F16-7D7C-2296-836E-41CDA0726E1C}"/>
          </ac:inkMkLst>
        </pc:inkChg>
        <pc:inkChg chg="add del reco">
          <ac:chgData name="Matias Vázquez Piñón" userId="e82d7a76-e5c2-4749-baff-1bb8c1dfc0d7" providerId="ADAL" clId="{FC50E581-9A3F-A24F-9546-F40EB98BED79}" dt="2022-08-23T17:57:34.916" v="149"/>
          <ac:inkMkLst>
            <pc:docMk/>
            <pc:sldMk cId="3451113877" sldId="296"/>
            <ac:inkMk id="115" creationId="{A3FA20C3-980D-F88A-EEE2-F328CCA0EBCF}"/>
          </ac:inkMkLst>
        </pc:inkChg>
        <pc:inkChg chg="add del">
          <ac:chgData name="Matias Vázquez Piñón" userId="e82d7a76-e5c2-4749-baff-1bb8c1dfc0d7" providerId="ADAL" clId="{FC50E581-9A3F-A24F-9546-F40EB98BED79}" dt="2022-08-23T17:57:08.771" v="136"/>
          <ac:inkMkLst>
            <pc:docMk/>
            <pc:sldMk cId="3451113877" sldId="296"/>
            <ac:inkMk id="116" creationId="{6E1050CE-017A-F302-E070-7616A20A316F}"/>
          </ac:inkMkLst>
        </pc:inkChg>
        <pc:inkChg chg="add del">
          <ac:chgData name="Matias Vázquez Piñón" userId="e82d7a76-e5c2-4749-baff-1bb8c1dfc0d7" providerId="ADAL" clId="{FC50E581-9A3F-A24F-9546-F40EB98BED79}" dt="2022-08-23T17:57:08.771" v="136"/>
          <ac:inkMkLst>
            <pc:docMk/>
            <pc:sldMk cId="3451113877" sldId="296"/>
            <ac:inkMk id="117" creationId="{94060E6B-E391-BE84-F582-A25F39BB6402}"/>
          </ac:inkMkLst>
        </pc:inkChg>
        <pc:inkChg chg="add del">
          <ac:chgData name="Matias Vázquez Piñón" userId="e82d7a76-e5c2-4749-baff-1bb8c1dfc0d7" providerId="ADAL" clId="{FC50E581-9A3F-A24F-9546-F40EB98BED79}" dt="2022-08-23T17:57:08.771" v="136"/>
          <ac:inkMkLst>
            <pc:docMk/>
            <pc:sldMk cId="3451113877" sldId="296"/>
            <ac:inkMk id="118" creationId="{539C25AE-7363-3814-7AEF-647AC63AD04A}"/>
          </ac:inkMkLst>
        </pc:inkChg>
        <pc:inkChg chg="add del">
          <ac:chgData name="Matias Vázquez Piñón" userId="e82d7a76-e5c2-4749-baff-1bb8c1dfc0d7" providerId="ADAL" clId="{FC50E581-9A3F-A24F-9546-F40EB98BED79}" dt="2022-08-23T17:57:08.771" v="136"/>
          <ac:inkMkLst>
            <pc:docMk/>
            <pc:sldMk cId="3451113877" sldId="296"/>
            <ac:inkMk id="119" creationId="{A3C77BBC-A00A-6013-5651-F7AA996E203C}"/>
          </ac:inkMkLst>
        </pc:inkChg>
        <pc:inkChg chg="add del reco">
          <ac:chgData name="Matias Vázquez Piñón" userId="e82d7a76-e5c2-4749-baff-1bb8c1dfc0d7" providerId="ADAL" clId="{FC50E581-9A3F-A24F-9546-F40EB98BED79}" dt="2022-08-23T17:57:34.924" v="151"/>
          <ac:inkMkLst>
            <pc:docMk/>
            <pc:sldMk cId="3451113877" sldId="296"/>
            <ac:inkMk id="120" creationId="{D14FE3F5-5C36-705D-FE16-E863D385DF02}"/>
          </ac:inkMkLst>
        </pc:inkChg>
        <pc:inkChg chg="add del">
          <ac:chgData name="Matias Vázquez Piñón" userId="e82d7a76-e5c2-4749-baff-1bb8c1dfc0d7" providerId="ADAL" clId="{FC50E581-9A3F-A24F-9546-F40EB98BED79}" dt="2022-08-23T17:57:13.123" v="139"/>
          <ac:inkMkLst>
            <pc:docMk/>
            <pc:sldMk cId="3451113877" sldId="296"/>
            <ac:inkMk id="121" creationId="{7B19FEE5-1340-319E-0A3D-7BFF44CA55D8}"/>
          </ac:inkMkLst>
        </pc:inkChg>
        <pc:inkChg chg="add del">
          <ac:chgData name="Matias Vázquez Piñón" userId="e82d7a76-e5c2-4749-baff-1bb8c1dfc0d7" providerId="ADAL" clId="{FC50E581-9A3F-A24F-9546-F40EB98BED79}" dt="2022-08-23T17:57:13.123" v="139"/>
          <ac:inkMkLst>
            <pc:docMk/>
            <pc:sldMk cId="3451113877" sldId="296"/>
            <ac:inkMk id="122" creationId="{6E3BE685-963A-4D24-B223-DDF029B0363B}"/>
          </ac:inkMkLst>
        </pc:inkChg>
        <pc:inkChg chg="add del reco">
          <ac:chgData name="Matias Vázquez Piñón" userId="e82d7a76-e5c2-4749-baff-1bb8c1dfc0d7" providerId="ADAL" clId="{FC50E581-9A3F-A24F-9546-F40EB98BED79}" dt="2022-08-23T17:57:34.920" v="150"/>
          <ac:inkMkLst>
            <pc:docMk/>
            <pc:sldMk cId="3451113877" sldId="296"/>
            <ac:inkMk id="123" creationId="{3BE1FEA8-2FAF-C991-EAA2-561A4539DE07}"/>
          </ac:inkMkLst>
        </pc:inkChg>
        <pc:inkChg chg="add del">
          <ac:chgData name="Matias Vázquez Piñón" userId="e82d7a76-e5c2-4749-baff-1bb8c1dfc0d7" providerId="ADAL" clId="{FC50E581-9A3F-A24F-9546-F40EB98BED79}" dt="2022-08-23T17:57:25.781" v="144"/>
          <ac:inkMkLst>
            <pc:docMk/>
            <pc:sldMk cId="3451113877" sldId="296"/>
            <ac:inkMk id="124" creationId="{45BE6B42-095F-50DE-179C-B365B43992D8}"/>
          </ac:inkMkLst>
        </pc:inkChg>
        <pc:inkChg chg="add del">
          <ac:chgData name="Matias Vázquez Piñón" userId="e82d7a76-e5c2-4749-baff-1bb8c1dfc0d7" providerId="ADAL" clId="{FC50E581-9A3F-A24F-9546-F40EB98BED79}" dt="2022-08-23T17:57:24.240" v="143"/>
          <ac:inkMkLst>
            <pc:docMk/>
            <pc:sldMk cId="3451113877" sldId="296"/>
            <ac:inkMk id="125" creationId="{62070B1F-EC7C-D6E6-1F87-E2EC87DD34ED}"/>
          </ac:inkMkLst>
        </pc:inkChg>
        <pc:inkChg chg="add del">
          <ac:chgData name="Matias Vázquez Piñón" userId="e82d7a76-e5c2-4749-baff-1bb8c1dfc0d7" providerId="ADAL" clId="{FC50E581-9A3F-A24F-9546-F40EB98BED79}" dt="2022-08-23T17:57:24.240" v="143"/>
          <ac:inkMkLst>
            <pc:docMk/>
            <pc:sldMk cId="3451113877" sldId="296"/>
            <ac:inkMk id="126" creationId="{401920C1-CECA-DB65-A8F7-A1BF0578AAB6}"/>
          </ac:inkMkLst>
        </pc:inkChg>
        <pc:inkChg chg="add del reco">
          <ac:chgData name="Matias Vázquez Piñón" userId="e82d7a76-e5c2-4749-baff-1bb8c1dfc0d7" providerId="ADAL" clId="{FC50E581-9A3F-A24F-9546-F40EB98BED79}" dt="2022-08-23T17:57:34.929" v="153"/>
          <ac:inkMkLst>
            <pc:docMk/>
            <pc:sldMk cId="3451113877" sldId="296"/>
            <ac:inkMk id="127" creationId="{44D4FF6D-7240-14D2-1B1B-337962686DB2}"/>
          </ac:inkMkLst>
        </pc:inkChg>
        <pc:inkChg chg="add del">
          <ac:chgData name="Matias Vázquez Piñón" userId="e82d7a76-e5c2-4749-baff-1bb8c1dfc0d7" providerId="ADAL" clId="{FC50E581-9A3F-A24F-9546-F40EB98BED79}" dt="2022-08-23T17:57:29.089" v="147"/>
          <ac:inkMkLst>
            <pc:docMk/>
            <pc:sldMk cId="3451113877" sldId="296"/>
            <ac:inkMk id="128" creationId="{BCE877E8-327D-9A93-1A37-233AD1CA48C3}"/>
          </ac:inkMkLst>
        </pc:inkChg>
        <pc:inkChg chg="add del">
          <ac:chgData name="Matias Vázquez Piñón" userId="e82d7a76-e5c2-4749-baff-1bb8c1dfc0d7" providerId="ADAL" clId="{FC50E581-9A3F-A24F-9546-F40EB98BED79}" dt="2022-08-23T17:57:29.089" v="147"/>
          <ac:inkMkLst>
            <pc:docMk/>
            <pc:sldMk cId="3451113877" sldId="296"/>
            <ac:inkMk id="129" creationId="{94F634A2-7E6F-6DD9-3985-7958AD71C2F6}"/>
          </ac:inkMkLst>
        </pc:inkChg>
        <pc:inkChg chg="add del reco">
          <ac:chgData name="Matias Vázquez Piñón" userId="e82d7a76-e5c2-4749-baff-1bb8c1dfc0d7" providerId="ADAL" clId="{FC50E581-9A3F-A24F-9546-F40EB98BED79}" dt="2022-08-23T17:57:34.911" v="148"/>
          <ac:inkMkLst>
            <pc:docMk/>
            <pc:sldMk cId="3451113877" sldId="296"/>
            <ac:inkMk id="130" creationId="{164DFF6B-6505-7E29-C9C1-4980EC3072C0}"/>
          </ac:inkMkLst>
        </pc:inkChg>
        <pc:inkChg chg="add del">
          <ac:chgData name="Matias Vázquez Piñón" userId="e82d7a76-e5c2-4749-baff-1bb8c1dfc0d7" providerId="ADAL" clId="{FC50E581-9A3F-A24F-9546-F40EB98BED79}" dt="2022-08-23T17:57:42.504" v="162"/>
          <ac:inkMkLst>
            <pc:docMk/>
            <pc:sldMk cId="3451113877" sldId="296"/>
            <ac:inkMk id="131" creationId="{73289F0B-FCB0-DD45-9959-831717E326C0}"/>
          </ac:inkMkLst>
        </pc:inkChg>
        <pc:inkChg chg="add del">
          <ac:chgData name="Matias Vázquez Piñón" userId="e82d7a76-e5c2-4749-baff-1bb8c1dfc0d7" providerId="ADAL" clId="{FC50E581-9A3F-A24F-9546-F40EB98BED79}" dt="2022-08-23T17:57:42.504" v="162"/>
          <ac:inkMkLst>
            <pc:docMk/>
            <pc:sldMk cId="3451113877" sldId="296"/>
            <ac:inkMk id="132" creationId="{3CDDB5DE-6E93-D2E0-743F-71A0D893C583}"/>
          </ac:inkMkLst>
        </pc:inkChg>
        <pc:inkChg chg="add del">
          <ac:chgData name="Matias Vázquez Piñón" userId="e82d7a76-e5c2-4749-baff-1bb8c1dfc0d7" providerId="ADAL" clId="{FC50E581-9A3F-A24F-9546-F40EB98BED79}" dt="2022-08-23T17:57:42.504" v="162"/>
          <ac:inkMkLst>
            <pc:docMk/>
            <pc:sldMk cId="3451113877" sldId="296"/>
            <ac:inkMk id="133" creationId="{682A15F0-8204-75E2-3603-5C84A6ED3CA4}"/>
          </ac:inkMkLst>
        </pc:inkChg>
        <pc:inkChg chg="add del">
          <ac:chgData name="Matias Vázquez Piñón" userId="e82d7a76-e5c2-4749-baff-1bb8c1dfc0d7" providerId="ADAL" clId="{FC50E581-9A3F-A24F-9546-F40EB98BED79}" dt="2022-08-23T17:57:42.504" v="162"/>
          <ac:inkMkLst>
            <pc:docMk/>
            <pc:sldMk cId="3451113877" sldId="296"/>
            <ac:inkMk id="134" creationId="{E1002747-08F8-6310-5DF2-5C97E1DC35F9}"/>
          </ac:inkMkLst>
        </pc:inkChg>
        <pc:inkChg chg="add del">
          <ac:chgData name="Matias Vázquez Piñón" userId="e82d7a76-e5c2-4749-baff-1bb8c1dfc0d7" providerId="ADAL" clId="{FC50E581-9A3F-A24F-9546-F40EB98BED79}" dt="2022-08-23T17:57:42.504" v="162"/>
          <ac:inkMkLst>
            <pc:docMk/>
            <pc:sldMk cId="3451113877" sldId="296"/>
            <ac:inkMk id="135" creationId="{982CAB00-7065-1D23-AB71-AC1D949F3F4B}"/>
          </ac:inkMkLst>
        </pc:inkChg>
        <pc:inkChg chg="add del">
          <ac:chgData name="Matias Vázquez Piñón" userId="e82d7a76-e5c2-4749-baff-1bb8c1dfc0d7" providerId="ADAL" clId="{FC50E581-9A3F-A24F-9546-F40EB98BED79}" dt="2022-08-23T17:57:42.504" v="162"/>
          <ac:inkMkLst>
            <pc:docMk/>
            <pc:sldMk cId="3451113877" sldId="296"/>
            <ac:inkMk id="136" creationId="{2FCEF3EC-267F-B2ED-0AC7-AB57295060BB}"/>
          </ac:inkMkLst>
        </pc:inkChg>
        <pc:inkChg chg="add del">
          <ac:chgData name="Matias Vázquez Piñón" userId="e82d7a76-e5c2-4749-baff-1bb8c1dfc0d7" providerId="ADAL" clId="{FC50E581-9A3F-A24F-9546-F40EB98BED79}" dt="2022-08-23T17:57:42.504" v="162"/>
          <ac:inkMkLst>
            <pc:docMk/>
            <pc:sldMk cId="3451113877" sldId="296"/>
            <ac:inkMk id="137" creationId="{5F46BE86-9DD2-5C32-C3A5-CB4EE57F6983}"/>
          </ac:inkMkLst>
        </pc:inkChg>
        <pc:inkChg chg="add del">
          <ac:chgData name="Matias Vázquez Piñón" userId="e82d7a76-e5c2-4749-baff-1bb8c1dfc0d7" providerId="ADAL" clId="{FC50E581-9A3F-A24F-9546-F40EB98BED79}" dt="2022-08-23T17:57:42.504" v="162"/>
          <ac:inkMkLst>
            <pc:docMk/>
            <pc:sldMk cId="3451113877" sldId="296"/>
            <ac:inkMk id="138" creationId="{6EB0EF24-75C5-3A06-817D-34ABD4DF5226}"/>
          </ac:inkMkLst>
        </pc:inkChg>
        <pc:inkChg chg="add del reco">
          <ac:chgData name="Matias Vázquez Piñón" userId="e82d7a76-e5c2-4749-baff-1bb8c1dfc0d7" providerId="ADAL" clId="{FC50E581-9A3F-A24F-9546-F40EB98BED79}" dt="2022-08-23T17:57:47.167" v="163"/>
          <ac:inkMkLst>
            <pc:docMk/>
            <pc:sldMk cId="3451113877" sldId="296"/>
            <ac:inkMk id="139" creationId="{58979D12-533D-6310-5110-C6091041BF73}"/>
          </ac:inkMkLst>
        </pc:inkChg>
        <pc:inkChg chg="add del">
          <ac:chgData name="Matias Vázquez Piñón" userId="e82d7a76-e5c2-4749-baff-1bb8c1dfc0d7" providerId="ADAL" clId="{FC50E581-9A3F-A24F-9546-F40EB98BED79}" dt="2022-08-23T17:58:01.530" v="170"/>
          <ac:inkMkLst>
            <pc:docMk/>
            <pc:sldMk cId="3451113877" sldId="296"/>
            <ac:inkMk id="140" creationId="{0513C3FB-ACAE-9DEC-46BC-A01058A7D299}"/>
          </ac:inkMkLst>
        </pc:inkChg>
        <pc:inkChg chg="add del">
          <ac:chgData name="Matias Vázquez Piñón" userId="e82d7a76-e5c2-4749-baff-1bb8c1dfc0d7" providerId="ADAL" clId="{FC50E581-9A3F-A24F-9546-F40EB98BED79}" dt="2022-08-23T17:58:01.530" v="170"/>
          <ac:inkMkLst>
            <pc:docMk/>
            <pc:sldMk cId="3451113877" sldId="296"/>
            <ac:inkMk id="141" creationId="{0271AF18-5754-2F83-1C7E-0768C3E26524}"/>
          </ac:inkMkLst>
        </pc:inkChg>
        <pc:inkChg chg="add del">
          <ac:chgData name="Matias Vázquez Piñón" userId="e82d7a76-e5c2-4749-baff-1bb8c1dfc0d7" providerId="ADAL" clId="{FC50E581-9A3F-A24F-9546-F40EB98BED79}" dt="2022-08-23T17:58:01.530" v="170"/>
          <ac:inkMkLst>
            <pc:docMk/>
            <pc:sldMk cId="3451113877" sldId="296"/>
            <ac:inkMk id="142" creationId="{7F4FB9F8-6BCA-462B-B23E-6178E388BA8B}"/>
          </ac:inkMkLst>
        </pc:inkChg>
        <pc:inkChg chg="add del">
          <ac:chgData name="Matias Vázquez Piñón" userId="e82d7a76-e5c2-4749-baff-1bb8c1dfc0d7" providerId="ADAL" clId="{FC50E581-9A3F-A24F-9546-F40EB98BED79}" dt="2022-08-23T17:58:01.530" v="170"/>
          <ac:inkMkLst>
            <pc:docMk/>
            <pc:sldMk cId="3451113877" sldId="296"/>
            <ac:inkMk id="143" creationId="{376340C5-C672-16CF-B8CA-850A565C9CF9}"/>
          </ac:inkMkLst>
        </pc:inkChg>
        <pc:inkChg chg="add del">
          <ac:chgData name="Matias Vázquez Piñón" userId="e82d7a76-e5c2-4749-baff-1bb8c1dfc0d7" providerId="ADAL" clId="{FC50E581-9A3F-A24F-9546-F40EB98BED79}" dt="2022-08-23T17:58:01.530" v="170"/>
          <ac:inkMkLst>
            <pc:docMk/>
            <pc:sldMk cId="3451113877" sldId="296"/>
            <ac:inkMk id="144" creationId="{83DD23D1-505C-91F5-2C83-09C181715250}"/>
          </ac:inkMkLst>
        </pc:inkChg>
        <pc:inkChg chg="add del">
          <ac:chgData name="Matias Vázquez Piñón" userId="e82d7a76-e5c2-4749-baff-1bb8c1dfc0d7" providerId="ADAL" clId="{FC50E581-9A3F-A24F-9546-F40EB98BED79}" dt="2022-08-23T17:58:01.530" v="170"/>
          <ac:inkMkLst>
            <pc:docMk/>
            <pc:sldMk cId="3451113877" sldId="296"/>
            <ac:inkMk id="145" creationId="{0FE589C5-C3E7-7085-4A9F-DCAA1C69D3C8}"/>
          </ac:inkMkLst>
        </pc:inkChg>
        <pc:inkChg chg="add del reco">
          <ac:chgData name="Matias Vázquez Piñón" userId="e82d7a76-e5c2-4749-baff-1bb8c1dfc0d7" providerId="ADAL" clId="{FC50E581-9A3F-A24F-9546-F40EB98BED79}" dt="2022-08-23T17:58:03.014" v="171"/>
          <ac:inkMkLst>
            <pc:docMk/>
            <pc:sldMk cId="3451113877" sldId="296"/>
            <ac:inkMk id="146" creationId="{862BB866-4248-9937-F4E7-0CBAF6CC1714}"/>
          </ac:inkMkLst>
        </pc:inkChg>
        <pc:inkChg chg="add del">
          <ac:chgData name="Matias Vázquez Piñón" userId="e82d7a76-e5c2-4749-baff-1bb8c1dfc0d7" providerId="ADAL" clId="{FC50E581-9A3F-A24F-9546-F40EB98BED79}" dt="2022-08-23T17:58:10.748" v="180"/>
          <ac:inkMkLst>
            <pc:docMk/>
            <pc:sldMk cId="3451113877" sldId="296"/>
            <ac:inkMk id="147" creationId="{BDBC6B10-7D5C-E7EB-6FE8-258740107A31}"/>
          </ac:inkMkLst>
        </pc:inkChg>
        <pc:inkChg chg="add del">
          <ac:chgData name="Matias Vázquez Piñón" userId="e82d7a76-e5c2-4749-baff-1bb8c1dfc0d7" providerId="ADAL" clId="{FC50E581-9A3F-A24F-9546-F40EB98BED79}" dt="2022-08-23T17:58:10.748" v="180"/>
          <ac:inkMkLst>
            <pc:docMk/>
            <pc:sldMk cId="3451113877" sldId="296"/>
            <ac:inkMk id="148" creationId="{87A894B3-1051-C0BD-6D9E-7C1991115C6A}"/>
          </ac:inkMkLst>
        </pc:inkChg>
        <pc:inkChg chg="add del">
          <ac:chgData name="Matias Vázquez Piñón" userId="e82d7a76-e5c2-4749-baff-1bb8c1dfc0d7" providerId="ADAL" clId="{FC50E581-9A3F-A24F-9546-F40EB98BED79}" dt="2022-08-23T17:58:10.748" v="180"/>
          <ac:inkMkLst>
            <pc:docMk/>
            <pc:sldMk cId="3451113877" sldId="296"/>
            <ac:inkMk id="149" creationId="{C6FEC217-9032-97FA-4084-A1BC043114AB}"/>
          </ac:inkMkLst>
        </pc:inkChg>
        <pc:inkChg chg="add del">
          <ac:chgData name="Matias Vázquez Piñón" userId="e82d7a76-e5c2-4749-baff-1bb8c1dfc0d7" providerId="ADAL" clId="{FC50E581-9A3F-A24F-9546-F40EB98BED79}" dt="2022-08-23T17:58:10.748" v="180"/>
          <ac:inkMkLst>
            <pc:docMk/>
            <pc:sldMk cId="3451113877" sldId="296"/>
            <ac:inkMk id="150" creationId="{F3EACEA0-0D46-6CAA-8565-E3F2647B79B8}"/>
          </ac:inkMkLst>
        </pc:inkChg>
        <pc:inkChg chg="add del">
          <ac:chgData name="Matias Vázquez Piñón" userId="e82d7a76-e5c2-4749-baff-1bb8c1dfc0d7" providerId="ADAL" clId="{FC50E581-9A3F-A24F-9546-F40EB98BED79}" dt="2022-08-23T17:58:10.748" v="180"/>
          <ac:inkMkLst>
            <pc:docMk/>
            <pc:sldMk cId="3451113877" sldId="296"/>
            <ac:inkMk id="151" creationId="{4ADE8E5E-0AC6-07C5-CEFA-C774E333CFCD}"/>
          </ac:inkMkLst>
        </pc:inkChg>
        <pc:inkChg chg="add del">
          <ac:chgData name="Matias Vázquez Piñón" userId="e82d7a76-e5c2-4749-baff-1bb8c1dfc0d7" providerId="ADAL" clId="{FC50E581-9A3F-A24F-9546-F40EB98BED79}" dt="2022-08-23T17:58:10.748" v="180"/>
          <ac:inkMkLst>
            <pc:docMk/>
            <pc:sldMk cId="3451113877" sldId="296"/>
            <ac:inkMk id="152" creationId="{C1D49196-78C1-C4DE-AFA9-5B0581F0E3A5}"/>
          </ac:inkMkLst>
        </pc:inkChg>
        <pc:inkChg chg="add del">
          <ac:chgData name="Matias Vázquez Piñón" userId="e82d7a76-e5c2-4749-baff-1bb8c1dfc0d7" providerId="ADAL" clId="{FC50E581-9A3F-A24F-9546-F40EB98BED79}" dt="2022-08-23T17:58:10.748" v="180"/>
          <ac:inkMkLst>
            <pc:docMk/>
            <pc:sldMk cId="3451113877" sldId="296"/>
            <ac:inkMk id="153" creationId="{8F6F00FC-0E48-F9FC-F975-6079DD4B8AF2}"/>
          </ac:inkMkLst>
        </pc:inkChg>
        <pc:inkChg chg="add del">
          <ac:chgData name="Matias Vázquez Piñón" userId="e82d7a76-e5c2-4749-baff-1bb8c1dfc0d7" providerId="ADAL" clId="{FC50E581-9A3F-A24F-9546-F40EB98BED79}" dt="2022-08-23T17:58:10.748" v="180"/>
          <ac:inkMkLst>
            <pc:docMk/>
            <pc:sldMk cId="3451113877" sldId="296"/>
            <ac:inkMk id="154" creationId="{CEEF30C9-7A85-7E57-3E45-F4DF30078ACA}"/>
          </ac:inkMkLst>
        </pc:inkChg>
        <pc:inkChg chg="add del reco">
          <ac:chgData name="Matias Vázquez Piñón" userId="e82d7a76-e5c2-4749-baff-1bb8c1dfc0d7" providerId="ADAL" clId="{FC50E581-9A3F-A24F-9546-F40EB98BED79}" dt="2022-08-23T17:58:39.562" v="201"/>
          <ac:inkMkLst>
            <pc:docMk/>
            <pc:sldMk cId="3451113877" sldId="296"/>
            <ac:inkMk id="155" creationId="{CED563A3-2270-14F9-74FE-5378AFD03A50}"/>
          </ac:inkMkLst>
        </pc:inkChg>
        <pc:inkChg chg="add del">
          <ac:chgData name="Matias Vázquez Piñón" userId="e82d7a76-e5c2-4749-baff-1bb8c1dfc0d7" providerId="ADAL" clId="{FC50E581-9A3F-A24F-9546-F40EB98BED79}" dt="2022-08-23T17:58:16.485" v="183"/>
          <ac:inkMkLst>
            <pc:docMk/>
            <pc:sldMk cId="3451113877" sldId="296"/>
            <ac:inkMk id="156" creationId="{2EDBE1DF-EEDF-1096-CB4D-821913EC92B1}"/>
          </ac:inkMkLst>
        </pc:inkChg>
        <pc:inkChg chg="add del">
          <ac:chgData name="Matias Vázquez Piñón" userId="e82d7a76-e5c2-4749-baff-1bb8c1dfc0d7" providerId="ADAL" clId="{FC50E581-9A3F-A24F-9546-F40EB98BED79}" dt="2022-08-23T17:58:16.485" v="183"/>
          <ac:inkMkLst>
            <pc:docMk/>
            <pc:sldMk cId="3451113877" sldId="296"/>
            <ac:inkMk id="157" creationId="{BDCB15CE-5E2C-405B-8DCE-11F1D348A9F3}"/>
          </ac:inkMkLst>
        </pc:inkChg>
        <pc:inkChg chg="add del reco">
          <ac:chgData name="Matias Vázquez Piñón" userId="e82d7a76-e5c2-4749-baff-1bb8c1dfc0d7" providerId="ADAL" clId="{FC50E581-9A3F-A24F-9546-F40EB98BED79}" dt="2022-08-23T17:58:39.558" v="200"/>
          <ac:inkMkLst>
            <pc:docMk/>
            <pc:sldMk cId="3451113877" sldId="296"/>
            <ac:inkMk id="158" creationId="{D79F0AE6-F8EE-95A5-F8C9-7118F7C2925F}"/>
          </ac:inkMkLst>
        </pc:inkChg>
        <pc:inkChg chg="add del">
          <ac:chgData name="Matias Vázquez Piñón" userId="e82d7a76-e5c2-4749-baff-1bb8c1dfc0d7" providerId="ADAL" clId="{FC50E581-9A3F-A24F-9546-F40EB98BED79}" dt="2022-08-23T17:58:20.113" v="187"/>
          <ac:inkMkLst>
            <pc:docMk/>
            <pc:sldMk cId="3451113877" sldId="296"/>
            <ac:inkMk id="159" creationId="{C48CCD2E-A909-3D02-AAB8-A4E7190D87E6}"/>
          </ac:inkMkLst>
        </pc:inkChg>
        <pc:inkChg chg="add del">
          <ac:chgData name="Matias Vázquez Piñón" userId="e82d7a76-e5c2-4749-baff-1bb8c1dfc0d7" providerId="ADAL" clId="{FC50E581-9A3F-A24F-9546-F40EB98BED79}" dt="2022-08-23T17:58:20.113" v="187"/>
          <ac:inkMkLst>
            <pc:docMk/>
            <pc:sldMk cId="3451113877" sldId="296"/>
            <ac:inkMk id="160" creationId="{695EFE30-5A0A-CC9A-7577-2B80EF4A697E}"/>
          </ac:inkMkLst>
        </pc:inkChg>
        <pc:inkChg chg="add del">
          <ac:chgData name="Matias Vázquez Piñón" userId="e82d7a76-e5c2-4749-baff-1bb8c1dfc0d7" providerId="ADAL" clId="{FC50E581-9A3F-A24F-9546-F40EB98BED79}" dt="2022-08-23T17:58:20.113" v="187"/>
          <ac:inkMkLst>
            <pc:docMk/>
            <pc:sldMk cId="3451113877" sldId="296"/>
            <ac:inkMk id="161" creationId="{12765936-1A04-DD4B-92A4-588659E995EF}"/>
          </ac:inkMkLst>
        </pc:inkChg>
        <pc:inkChg chg="add del reco">
          <ac:chgData name="Matias Vázquez Piñón" userId="e82d7a76-e5c2-4749-baff-1bb8c1dfc0d7" providerId="ADAL" clId="{FC50E581-9A3F-A24F-9546-F40EB98BED79}" dt="2022-08-23T17:58:39.574" v="206"/>
          <ac:inkMkLst>
            <pc:docMk/>
            <pc:sldMk cId="3451113877" sldId="296"/>
            <ac:inkMk id="162" creationId="{844B20BE-4B1F-05BF-CEDC-8445CB5436E0}"/>
          </ac:inkMkLst>
        </pc:inkChg>
        <pc:inkChg chg="add del">
          <ac:chgData name="Matias Vázquez Piñón" userId="e82d7a76-e5c2-4749-baff-1bb8c1dfc0d7" providerId="ADAL" clId="{FC50E581-9A3F-A24F-9546-F40EB98BED79}" dt="2022-08-23T17:58:25.299" v="192"/>
          <ac:inkMkLst>
            <pc:docMk/>
            <pc:sldMk cId="3451113877" sldId="296"/>
            <ac:inkMk id="163" creationId="{A84532A1-A6B4-6898-C1AB-1E16BBA5D259}"/>
          </ac:inkMkLst>
        </pc:inkChg>
        <pc:inkChg chg="add del">
          <ac:chgData name="Matias Vázquez Piñón" userId="e82d7a76-e5c2-4749-baff-1bb8c1dfc0d7" providerId="ADAL" clId="{FC50E581-9A3F-A24F-9546-F40EB98BED79}" dt="2022-08-23T17:58:25.299" v="192"/>
          <ac:inkMkLst>
            <pc:docMk/>
            <pc:sldMk cId="3451113877" sldId="296"/>
            <ac:inkMk id="164" creationId="{2D639CB9-AB11-AFFE-A743-F97526BB34E5}"/>
          </ac:inkMkLst>
        </pc:inkChg>
        <pc:inkChg chg="add del">
          <ac:chgData name="Matias Vázquez Piñón" userId="e82d7a76-e5c2-4749-baff-1bb8c1dfc0d7" providerId="ADAL" clId="{FC50E581-9A3F-A24F-9546-F40EB98BED79}" dt="2022-08-23T17:58:25.299" v="192"/>
          <ac:inkMkLst>
            <pc:docMk/>
            <pc:sldMk cId="3451113877" sldId="296"/>
            <ac:inkMk id="165" creationId="{11D87D5F-1BFD-5744-7A1D-68F058FF3CCA}"/>
          </ac:inkMkLst>
        </pc:inkChg>
        <pc:inkChg chg="add del">
          <ac:chgData name="Matias Vázquez Piñón" userId="e82d7a76-e5c2-4749-baff-1bb8c1dfc0d7" providerId="ADAL" clId="{FC50E581-9A3F-A24F-9546-F40EB98BED79}" dt="2022-08-23T17:58:25.299" v="192"/>
          <ac:inkMkLst>
            <pc:docMk/>
            <pc:sldMk cId="3451113877" sldId="296"/>
            <ac:inkMk id="166" creationId="{B4628154-7A37-3C94-2EF2-4CBB451FA1F4}"/>
          </ac:inkMkLst>
        </pc:inkChg>
        <pc:inkChg chg="add del reco">
          <ac:chgData name="Matias Vázquez Piñón" userId="e82d7a76-e5c2-4749-baff-1bb8c1dfc0d7" providerId="ADAL" clId="{FC50E581-9A3F-A24F-9546-F40EB98BED79}" dt="2022-08-23T17:58:39.567" v="203"/>
          <ac:inkMkLst>
            <pc:docMk/>
            <pc:sldMk cId="3451113877" sldId="296"/>
            <ac:inkMk id="167" creationId="{CDD65500-7553-9470-3358-344CB49FE772}"/>
          </ac:inkMkLst>
        </pc:inkChg>
        <pc:inkChg chg="add del">
          <ac:chgData name="Matias Vázquez Piñón" userId="e82d7a76-e5c2-4749-baff-1bb8c1dfc0d7" providerId="ADAL" clId="{FC50E581-9A3F-A24F-9546-F40EB98BED79}" dt="2022-08-23T17:58:27.804" v="195"/>
          <ac:inkMkLst>
            <pc:docMk/>
            <pc:sldMk cId="3451113877" sldId="296"/>
            <ac:inkMk id="168" creationId="{06E2CFFF-E11E-9278-A084-0D23244FAB5D}"/>
          </ac:inkMkLst>
        </pc:inkChg>
        <pc:inkChg chg="add del">
          <ac:chgData name="Matias Vázquez Piñón" userId="e82d7a76-e5c2-4749-baff-1bb8c1dfc0d7" providerId="ADAL" clId="{FC50E581-9A3F-A24F-9546-F40EB98BED79}" dt="2022-08-23T17:58:27.804" v="195"/>
          <ac:inkMkLst>
            <pc:docMk/>
            <pc:sldMk cId="3451113877" sldId="296"/>
            <ac:inkMk id="169" creationId="{68CE14AB-9718-1743-F944-4B4498AE59E4}"/>
          </ac:inkMkLst>
        </pc:inkChg>
        <pc:inkChg chg="add del reco">
          <ac:chgData name="Matias Vázquez Piñón" userId="e82d7a76-e5c2-4749-baff-1bb8c1dfc0d7" providerId="ADAL" clId="{FC50E581-9A3F-A24F-9546-F40EB98BED79}" dt="2022-08-23T17:58:39.572" v="205"/>
          <ac:inkMkLst>
            <pc:docMk/>
            <pc:sldMk cId="3451113877" sldId="296"/>
            <ac:inkMk id="170" creationId="{CBA0771B-1027-BD81-797E-24B1AD572A1F}"/>
          </ac:inkMkLst>
        </pc:inkChg>
        <pc:inkChg chg="add del">
          <ac:chgData name="Matias Vázquez Piñón" userId="e82d7a76-e5c2-4749-baff-1bb8c1dfc0d7" providerId="ADAL" clId="{FC50E581-9A3F-A24F-9546-F40EB98BED79}" dt="2022-08-23T17:58:30.052" v="198"/>
          <ac:inkMkLst>
            <pc:docMk/>
            <pc:sldMk cId="3451113877" sldId="296"/>
            <ac:inkMk id="171" creationId="{B80A6103-75AB-DAFF-3AFD-AD3AFEF52A8B}"/>
          </ac:inkMkLst>
        </pc:inkChg>
        <pc:inkChg chg="add del">
          <ac:chgData name="Matias Vázquez Piñón" userId="e82d7a76-e5c2-4749-baff-1bb8c1dfc0d7" providerId="ADAL" clId="{FC50E581-9A3F-A24F-9546-F40EB98BED79}" dt="2022-08-23T17:58:30.052" v="198"/>
          <ac:inkMkLst>
            <pc:docMk/>
            <pc:sldMk cId="3451113877" sldId="296"/>
            <ac:inkMk id="172" creationId="{69A6DCC3-1445-3859-7E34-A9CA77A4EA55}"/>
          </ac:inkMkLst>
        </pc:inkChg>
        <pc:inkChg chg="add del reco">
          <ac:chgData name="Matias Vázquez Piñón" userId="e82d7a76-e5c2-4749-baff-1bb8c1dfc0d7" providerId="ADAL" clId="{FC50E581-9A3F-A24F-9546-F40EB98BED79}" dt="2022-08-23T17:58:39.569" v="204"/>
          <ac:inkMkLst>
            <pc:docMk/>
            <pc:sldMk cId="3451113877" sldId="296"/>
            <ac:inkMk id="173" creationId="{03C74396-54DF-13FD-CA7A-A240495758A4}"/>
          </ac:inkMkLst>
        </pc:inkChg>
        <pc:inkChg chg="add del">
          <ac:chgData name="Matias Vázquez Piñón" userId="e82d7a76-e5c2-4749-baff-1bb8c1dfc0d7" providerId="ADAL" clId="{FC50E581-9A3F-A24F-9546-F40EB98BED79}" dt="2022-08-23T17:58:39.564" v="202"/>
          <ac:inkMkLst>
            <pc:docMk/>
            <pc:sldMk cId="3451113877" sldId="296"/>
            <ac:inkMk id="174" creationId="{4FAEBE9D-0201-7DFA-7B1E-988E4DA2FED8}"/>
          </ac:inkMkLst>
        </pc:inkChg>
        <pc:inkChg chg="add del">
          <ac:chgData name="Matias Vázquez Piñón" userId="e82d7a76-e5c2-4749-baff-1bb8c1dfc0d7" providerId="ADAL" clId="{FC50E581-9A3F-A24F-9546-F40EB98BED79}" dt="2022-08-23T17:58:59.639" v="214"/>
          <ac:inkMkLst>
            <pc:docMk/>
            <pc:sldMk cId="3451113877" sldId="296"/>
            <ac:inkMk id="175" creationId="{9FED0E4A-1B67-CA85-5BFD-0080AFBBC488}"/>
          </ac:inkMkLst>
        </pc:inkChg>
        <pc:inkChg chg="add del">
          <ac:chgData name="Matias Vázquez Piñón" userId="e82d7a76-e5c2-4749-baff-1bb8c1dfc0d7" providerId="ADAL" clId="{FC50E581-9A3F-A24F-9546-F40EB98BED79}" dt="2022-08-23T17:58:59.639" v="214"/>
          <ac:inkMkLst>
            <pc:docMk/>
            <pc:sldMk cId="3451113877" sldId="296"/>
            <ac:inkMk id="176" creationId="{C8F664AB-FD73-0AA2-8B07-483EA3B35B35}"/>
          </ac:inkMkLst>
        </pc:inkChg>
        <pc:inkChg chg="add del">
          <ac:chgData name="Matias Vázquez Piñón" userId="e82d7a76-e5c2-4749-baff-1bb8c1dfc0d7" providerId="ADAL" clId="{FC50E581-9A3F-A24F-9546-F40EB98BED79}" dt="2022-08-23T17:58:59.639" v="214"/>
          <ac:inkMkLst>
            <pc:docMk/>
            <pc:sldMk cId="3451113877" sldId="296"/>
            <ac:inkMk id="177" creationId="{BE445976-A4D1-61E1-83AB-931FECE6002C}"/>
          </ac:inkMkLst>
        </pc:inkChg>
        <pc:inkChg chg="add del">
          <ac:chgData name="Matias Vázquez Piñón" userId="e82d7a76-e5c2-4749-baff-1bb8c1dfc0d7" providerId="ADAL" clId="{FC50E581-9A3F-A24F-9546-F40EB98BED79}" dt="2022-08-23T17:58:59.639" v="214"/>
          <ac:inkMkLst>
            <pc:docMk/>
            <pc:sldMk cId="3451113877" sldId="296"/>
            <ac:inkMk id="178" creationId="{54E6EAC4-AD86-4957-65BE-7B19EDFEFD57}"/>
          </ac:inkMkLst>
        </pc:inkChg>
        <pc:inkChg chg="add del">
          <ac:chgData name="Matias Vázquez Piñón" userId="e82d7a76-e5c2-4749-baff-1bb8c1dfc0d7" providerId="ADAL" clId="{FC50E581-9A3F-A24F-9546-F40EB98BED79}" dt="2022-08-23T17:58:59.639" v="214"/>
          <ac:inkMkLst>
            <pc:docMk/>
            <pc:sldMk cId="3451113877" sldId="296"/>
            <ac:inkMk id="179" creationId="{031D32A5-4407-080D-B0DB-CCA59307C986}"/>
          </ac:inkMkLst>
        </pc:inkChg>
        <pc:inkChg chg="add del">
          <ac:chgData name="Matias Vázquez Piñón" userId="e82d7a76-e5c2-4749-baff-1bb8c1dfc0d7" providerId="ADAL" clId="{FC50E581-9A3F-A24F-9546-F40EB98BED79}" dt="2022-08-23T17:58:59.639" v="214"/>
          <ac:inkMkLst>
            <pc:docMk/>
            <pc:sldMk cId="3451113877" sldId="296"/>
            <ac:inkMk id="180" creationId="{02004A61-0281-2977-3805-14706D7F3556}"/>
          </ac:inkMkLst>
        </pc:inkChg>
        <pc:inkChg chg="add del">
          <ac:chgData name="Matias Vázquez Piñón" userId="e82d7a76-e5c2-4749-baff-1bb8c1dfc0d7" providerId="ADAL" clId="{FC50E581-9A3F-A24F-9546-F40EB98BED79}" dt="2022-08-23T17:58:59.639" v="214"/>
          <ac:inkMkLst>
            <pc:docMk/>
            <pc:sldMk cId="3451113877" sldId="296"/>
            <ac:inkMk id="181" creationId="{335B43A5-01D5-380E-87B0-2F3CA3F6DD08}"/>
          </ac:inkMkLst>
        </pc:inkChg>
        <pc:inkChg chg="add del reco">
          <ac:chgData name="Matias Vázquez Piñón" userId="e82d7a76-e5c2-4749-baff-1bb8c1dfc0d7" providerId="ADAL" clId="{FC50E581-9A3F-A24F-9546-F40EB98BED79}" dt="2022-08-23T18:00:10.997" v="256"/>
          <ac:inkMkLst>
            <pc:docMk/>
            <pc:sldMk cId="3451113877" sldId="296"/>
            <ac:inkMk id="182" creationId="{C8ECF790-A39C-E387-4F8E-AD33AE41E987}"/>
          </ac:inkMkLst>
        </pc:inkChg>
        <pc:inkChg chg="add del">
          <ac:chgData name="Matias Vázquez Piñón" userId="e82d7a76-e5c2-4749-baff-1bb8c1dfc0d7" providerId="ADAL" clId="{FC50E581-9A3F-A24F-9546-F40EB98BED79}" dt="2022-08-23T17:59:09.392" v="217"/>
          <ac:inkMkLst>
            <pc:docMk/>
            <pc:sldMk cId="3451113877" sldId="296"/>
            <ac:inkMk id="183" creationId="{EB3711FB-2417-FA6F-6641-708865F11A1B}"/>
          </ac:inkMkLst>
        </pc:inkChg>
        <pc:inkChg chg="add del">
          <ac:chgData name="Matias Vázquez Piñón" userId="e82d7a76-e5c2-4749-baff-1bb8c1dfc0d7" providerId="ADAL" clId="{FC50E581-9A3F-A24F-9546-F40EB98BED79}" dt="2022-08-23T17:59:09.392" v="217"/>
          <ac:inkMkLst>
            <pc:docMk/>
            <pc:sldMk cId="3451113877" sldId="296"/>
            <ac:inkMk id="184" creationId="{04AC3AF7-2C72-B0BC-547B-F0D91EB39250}"/>
          </ac:inkMkLst>
        </pc:inkChg>
        <pc:inkChg chg="add del reco">
          <ac:chgData name="Matias Vázquez Piñón" userId="e82d7a76-e5c2-4749-baff-1bb8c1dfc0d7" providerId="ADAL" clId="{FC50E581-9A3F-A24F-9546-F40EB98BED79}" dt="2022-08-23T18:00:10.998" v="257"/>
          <ac:inkMkLst>
            <pc:docMk/>
            <pc:sldMk cId="3451113877" sldId="296"/>
            <ac:inkMk id="185" creationId="{06AFB2EB-2DC1-310B-C8A4-A966305D3AAC}"/>
          </ac:inkMkLst>
        </pc:inkChg>
        <pc:inkChg chg="add del">
          <ac:chgData name="Matias Vázquez Piñón" userId="e82d7a76-e5c2-4749-baff-1bb8c1dfc0d7" providerId="ADAL" clId="{FC50E581-9A3F-A24F-9546-F40EB98BED79}" dt="2022-08-23T17:59:11.304" v="220"/>
          <ac:inkMkLst>
            <pc:docMk/>
            <pc:sldMk cId="3451113877" sldId="296"/>
            <ac:inkMk id="186" creationId="{384946E8-5471-59A3-D9E3-BE6D7C450182}"/>
          </ac:inkMkLst>
        </pc:inkChg>
        <pc:inkChg chg="add del">
          <ac:chgData name="Matias Vázquez Piñón" userId="e82d7a76-e5c2-4749-baff-1bb8c1dfc0d7" providerId="ADAL" clId="{FC50E581-9A3F-A24F-9546-F40EB98BED79}" dt="2022-08-23T17:59:11.304" v="220"/>
          <ac:inkMkLst>
            <pc:docMk/>
            <pc:sldMk cId="3451113877" sldId="296"/>
            <ac:inkMk id="187" creationId="{C4D96AD4-5FFF-283C-9F25-43B3846537A4}"/>
          </ac:inkMkLst>
        </pc:inkChg>
        <pc:inkChg chg="add del reco">
          <ac:chgData name="Matias Vázquez Piñón" userId="e82d7a76-e5c2-4749-baff-1bb8c1dfc0d7" providerId="ADAL" clId="{FC50E581-9A3F-A24F-9546-F40EB98BED79}" dt="2022-08-23T18:00:10.994" v="255"/>
          <ac:inkMkLst>
            <pc:docMk/>
            <pc:sldMk cId="3451113877" sldId="296"/>
            <ac:inkMk id="188" creationId="{7EE75F01-D60E-2AB1-781C-2245D12FBE6A}"/>
          </ac:inkMkLst>
        </pc:inkChg>
        <pc:inkChg chg="add del">
          <ac:chgData name="Matias Vázquez Piñón" userId="e82d7a76-e5c2-4749-baff-1bb8c1dfc0d7" providerId="ADAL" clId="{FC50E581-9A3F-A24F-9546-F40EB98BED79}" dt="2022-08-23T17:59:14.453" v="226"/>
          <ac:inkMkLst>
            <pc:docMk/>
            <pc:sldMk cId="3451113877" sldId="296"/>
            <ac:inkMk id="189" creationId="{DA1488C7-AC73-A58C-9BB4-7BBF4C1F8F05}"/>
          </ac:inkMkLst>
        </pc:inkChg>
        <pc:inkChg chg="add del">
          <ac:chgData name="Matias Vázquez Piñón" userId="e82d7a76-e5c2-4749-baff-1bb8c1dfc0d7" providerId="ADAL" clId="{FC50E581-9A3F-A24F-9546-F40EB98BED79}" dt="2022-08-23T17:59:14.453" v="226"/>
          <ac:inkMkLst>
            <pc:docMk/>
            <pc:sldMk cId="3451113877" sldId="296"/>
            <ac:inkMk id="190" creationId="{273AB1E8-BEEA-230E-CB0A-7F57DB7B8AF0}"/>
          </ac:inkMkLst>
        </pc:inkChg>
        <pc:inkChg chg="add del">
          <ac:chgData name="Matias Vázquez Piñón" userId="e82d7a76-e5c2-4749-baff-1bb8c1dfc0d7" providerId="ADAL" clId="{FC50E581-9A3F-A24F-9546-F40EB98BED79}" dt="2022-08-23T17:59:14.453" v="226"/>
          <ac:inkMkLst>
            <pc:docMk/>
            <pc:sldMk cId="3451113877" sldId="296"/>
            <ac:inkMk id="191" creationId="{226CFEA2-2FCA-7D69-32B5-BC6227CE7D78}"/>
          </ac:inkMkLst>
        </pc:inkChg>
        <pc:inkChg chg="add del">
          <ac:chgData name="Matias Vázquez Piñón" userId="e82d7a76-e5c2-4749-baff-1bb8c1dfc0d7" providerId="ADAL" clId="{FC50E581-9A3F-A24F-9546-F40EB98BED79}" dt="2022-08-23T17:59:14.453" v="226"/>
          <ac:inkMkLst>
            <pc:docMk/>
            <pc:sldMk cId="3451113877" sldId="296"/>
            <ac:inkMk id="192" creationId="{1ADAEECC-4B99-67A7-DBD2-B0EFB17AAC85}"/>
          </ac:inkMkLst>
        </pc:inkChg>
        <pc:inkChg chg="add del">
          <ac:chgData name="Matias Vázquez Piñón" userId="e82d7a76-e5c2-4749-baff-1bb8c1dfc0d7" providerId="ADAL" clId="{FC50E581-9A3F-A24F-9546-F40EB98BED79}" dt="2022-08-23T17:59:14.453" v="226"/>
          <ac:inkMkLst>
            <pc:docMk/>
            <pc:sldMk cId="3451113877" sldId="296"/>
            <ac:inkMk id="193" creationId="{75A1EDFA-9002-8C40-F71F-410B735141A6}"/>
          </ac:inkMkLst>
        </pc:inkChg>
        <pc:inkChg chg="add del reco">
          <ac:chgData name="Matias Vázquez Piñón" userId="e82d7a76-e5c2-4749-baff-1bb8c1dfc0d7" providerId="ADAL" clId="{FC50E581-9A3F-A24F-9546-F40EB98BED79}" dt="2022-08-23T18:00:10.983" v="251"/>
          <ac:inkMkLst>
            <pc:docMk/>
            <pc:sldMk cId="3451113877" sldId="296"/>
            <ac:inkMk id="194" creationId="{699F985A-B7ED-8C3C-0847-1FBAA5F8E26D}"/>
          </ac:inkMkLst>
        </pc:inkChg>
        <pc:inkChg chg="add del">
          <ac:chgData name="Matias Vázquez Piñón" userId="e82d7a76-e5c2-4749-baff-1bb8c1dfc0d7" providerId="ADAL" clId="{FC50E581-9A3F-A24F-9546-F40EB98BED79}" dt="2022-08-23T17:59:20.195" v="232"/>
          <ac:inkMkLst>
            <pc:docMk/>
            <pc:sldMk cId="3451113877" sldId="296"/>
            <ac:inkMk id="195" creationId="{DE847870-C084-1FEC-2977-DBEB68B94FAB}"/>
          </ac:inkMkLst>
        </pc:inkChg>
        <pc:inkChg chg="add del">
          <ac:chgData name="Matias Vázquez Piñón" userId="e82d7a76-e5c2-4749-baff-1bb8c1dfc0d7" providerId="ADAL" clId="{FC50E581-9A3F-A24F-9546-F40EB98BED79}" dt="2022-08-23T17:59:20.195" v="232"/>
          <ac:inkMkLst>
            <pc:docMk/>
            <pc:sldMk cId="3451113877" sldId="296"/>
            <ac:inkMk id="196" creationId="{F1C3B6A8-7CBA-FD83-9781-93836C63F398}"/>
          </ac:inkMkLst>
        </pc:inkChg>
        <pc:inkChg chg="add del">
          <ac:chgData name="Matias Vázquez Piñón" userId="e82d7a76-e5c2-4749-baff-1bb8c1dfc0d7" providerId="ADAL" clId="{FC50E581-9A3F-A24F-9546-F40EB98BED79}" dt="2022-08-23T17:59:20.195" v="232"/>
          <ac:inkMkLst>
            <pc:docMk/>
            <pc:sldMk cId="3451113877" sldId="296"/>
            <ac:inkMk id="197" creationId="{E2449E2C-613C-5A96-C571-24CFB13A22D9}"/>
          </ac:inkMkLst>
        </pc:inkChg>
        <pc:inkChg chg="add del">
          <ac:chgData name="Matias Vázquez Piñón" userId="e82d7a76-e5c2-4749-baff-1bb8c1dfc0d7" providerId="ADAL" clId="{FC50E581-9A3F-A24F-9546-F40EB98BED79}" dt="2022-08-23T17:59:20.195" v="232"/>
          <ac:inkMkLst>
            <pc:docMk/>
            <pc:sldMk cId="3451113877" sldId="296"/>
            <ac:inkMk id="198" creationId="{2F4A81C5-F641-88E4-F405-C33F2BA3A220}"/>
          </ac:inkMkLst>
        </pc:inkChg>
        <pc:inkChg chg="add del">
          <ac:chgData name="Matias Vázquez Piñón" userId="e82d7a76-e5c2-4749-baff-1bb8c1dfc0d7" providerId="ADAL" clId="{FC50E581-9A3F-A24F-9546-F40EB98BED79}" dt="2022-08-23T17:59:20.195" v="232"/>
          <ac:inkMkLst>
            <pc:docMk/>
            <pc:sldMk cId="3451113877" sldId="296"/>
            <ac:inkMk id="199" creationId="{CB9AF625-00F8-026B-F4A9-7E5B77E01161}"/>
          </ac:inkMkLst>
        </pc:inkChg>
        <pc:inkChg chg="add del reco">
          <ac:chgData name="Matias Vázquez Piñón" userId="e82d7a76-e5c2-4749-baff-1bb8c1dfc0d7" providerId="ADAL" clId="{FC50E581-9A3F-A24F-9546-F40EB98BED79}" dt="2022-08-23T18:00:10.992" v="254"/>
          <ac:inkMkLst>
            <pc:docMk/>
            <pc:sldMk cId="3451113877" sldId="296"/>
            <ac:inkMk id="200" creationId="{8328ABF7-B968-85A3-F4FE-1368E0F9E07A}"/>
          </ac:inkMkLst>
        </pc:inkChg>
        <pc:inkChg chg="add del">
          <ac:chgData name="Matias Vázquez Piñón" userId="e82d7a76-e5c2-4749-baff-1bb8c1dfc0d7" providerId="ADAL" clId="{FC50E581-9A3F-A24F-9546-F40EB98BED79}" dt="2022-08-23T17:59:23.014" v="235"/>
          <ac:inkMkLst>
            <pc:docMk/>
            <pc:sldMk cId="3451113877" sldId="296"/>
            <ac:inkMk id="201" creationId="{41E52553-2068-D9B3-C5A9-86EF396F3CFC}"/>
          </ac:inkMkLst>
        </pc:inkChg>
        <pc:inkChg chg="add del">
          <ac:chgData name="Matias Vázquez Piñón" userId="e82d7a76-e5c2-4749-baff-1bb8c1dfc0d7" providerId="ADAL" clId="{FC50E581-9A3F-A24F-9546-F40EB98BED79}" dt="2022-08-23T17:59:23.014" v="235"/>
          <ac:inkMkLst>
            <pc:docMk/>
            <pc:sldMk cId="3451113877" sldId="296"/>
            <ac:inkMk id="202" creationId="{39E24333-C4CC-3049-7BC8-135345BB1AB0}"/>
          </ac:inkMkLst>
        </pc:inkChg>
        <pc:inkChg chg="add del reco">
          <ac:chgData name="Matias Vázquez Piñón" userId="e82d7a76-e5c2-4749-baff-1bb8c1dfc0d7" providerId="ADAL" clId="{FC50E581-9A3F-A24F-9546-F40EB98BED79}" dt="2022-08-23T18:00:10.989" v="253"/>
          <ac:inkMkLst>
            <pc:docMk/>
            <pc:sldMk cId="3451113877" sldId="296"/>
            <ac:inkMk id="203" creationId="{7413DC36-BF65-FB71-EE5F-1E224EBA920F}"/>
          </ac:inkMkLst>
        </pc:inkChg>
        <pc:inkChg chg="add del">
          <ac:chgData name="Matias Vázquez Piñón" userId="e82d7a76-e5c2-4749-baff-1bb8c1dfc0d7" providerId="ADAL" clId="{FC50E581-9A3F-A24F-9546-F40EB98BED79}" dt="2022-08-23T17:59:26.201" v="241"/>
          <ac:inkMkLst>
            <pc:docMk/>
            <pc:sldMk cId="3451113877" sldId="296"/>
            <ac:inkMk id="204" creationId="{183AAFFF-F7ED-734B-DB86-D1A0F5D92CF8}"/>
          </ac:inkMkLst>
        </pc:inkChg>
        <pc:inkChg chg="add del">
          <ac:chgData name="Matias Vázquez Piñón" userId="e82d7a76-e5c2-4749-baff-1bb8c1dfc0d7" providerId="ADAL" clId="{FC50E581-9A3F-A24F-9546-F40EB98BED79}" dt="2022-08-23T17:59:26.201" v="241"/>
          <ac:inkMkLst>
            <pc:docMk/>
            <pc:sldMk cId="3451113877" sldId="296"/>
            <ac:inkMk id="205" creationId="{C30ABF00-8BC9-05AB-447B-207C4C92B2CA}"/>
          </ac:inkMkLst>
        </pc:inkChg>
        <pc:inkChg chg="add del">
          <ac:chgData name="Matias Vázquez Piñón" userId="e82d7a76-e5c2-4749-baff-1bb8c1dfc0d7" providerId="ADAL" clId="{FC50E581-9A3F-A24F-9546-F40EB98BED79}" dt="2022-08-23T17:59:26.201" v="241"/>
          <ac:inkMkLst>
            <pc:docMk/>
            <pc:sldMk cId="3451113877" sldId="296"/>
            <ac:inkMk id="206" creationId="{4ADE41DA-39FF-05EB-F03A-769E579D8400}"/>
          </ac:inkMkLst>
        </pc:inkChg>
        <pc:inkChg chg="add del">
          <ac:chgData name="Matias Vázquez Piñón" userId="e82d7a76-e5c2-4749-baff-1bb8c1dfc0d7" providerId="ADAL" clId="{FC50E581-9A3F-A24F-9546-F40EB98BED79}" dt="2022-08-23T17:59:26.201" v="241"/>
          <ac:inkMkLst>
            <pc:docMk/>
            <pc:sldMk cId="3451113877" sldId="296"/>
            <ac:inkMk id="207" creationId="{85C70C5E-7BDB-8227-848F-3E79A0463076}"/>
          </ac:inkMkLst>
        </pc:inkChg>
        <pc:inkChg chg="add del">
          <ac:chgData name="Matias Vázquez Piñón" userId="e82d7a76-e5c2-4749-baff-1bb8c1dfc0d7" providerId="ADAL" clId="{FC50E581-9A3F-A24F-9546-F40EB98BED79}" dt="2022-08-23T17:59:26.201" v="241"/>
          <ac:inkMkLst>
            <pc:docMk/>
            <pc:sldMk cId="3451113877" sldId="296"/>
            <ac:inkMk id="208" creationId="{8776B8D4-E5D8-CE8A-DE9E-2043F83A1930}"/>
          </ac:inkMkLst>
        </pc:inkChg>
        <pc:inkChg chg="add del reco">
          <ac:chgData name="Matias Vázquez Piñón" userId="e82d7a76-e5c2-4749-baff-1bb8c1dfc0d7" providerId="ADAL" clId="{FC50E581-9A3F-A24F-9546-F40EB98BED79}" dt="2022-08-23T18:00:11.003" v="259"/>
          <ac:inkMkLst>
            <pc:docMk/>
            <pc:sldMk cId="3451113877" sldId="296"/>
            <ac:inkMk id="209" creationId="{803C1295-F43A-B02A-B840-7190CD7E36BD}"/>
          </ac:inkMkLst>
        </pc:inkChg>
        <pc:inkChg chg="add del">
          <ac:chgData name="Matias Vázquez Piñón" userId="e82d7a76-e5c2-4749-baff-1bb8c1dfc0d7" providerId="ADAL" clId="{FC50E581-9A3F-A24F-9546-F40EB98BED79}" dt="2022-08-23T17:59:45.131" v="244"/>
          <ac:inkMkLst>
            <pc:docMk/>
            <pc:sldMk cId="3451113877" sldId="296"/>
            <ac:inkMk id="210" creationId="{6CB1B1A8-3498-23EC-A5DC-6BF3616804D0}"/>
          </ac:inkMkLst>
        </pc:inkChg>
        <pc:inkChg chg="add del">
          <ac:chgData name="Matias Vázquez Piñón" userId="e82d7a76-e5c2-4749-baff-1bb8c1dfc0d7" providerId="ADAL" clId="{FC50E581-9A3F-A24F-9546-F40EB98BED79}" dt="2022-08-23T17:59:45.131" v="244"/>
          <ac:inkMkLst>
            <pc:docMk/>
            <pc:sldMk cId="3451113877" sldId="296"/>
            <ac:inkMk id="211" creationId="{6749F381-AF14-93EE-47C1-1DF3B89B5327}"/>
          </ac:inkMkLst>
        </pc:inkChg>
        <pc:inkChg chg="add del reco">
          <ac:chgData name="Matias Vázquez Piñón" userId="e82d7a76-e5c2-4749-baff-1bb8c1dfc0d7" providerId="ADAL" clId="{FC50E581-9A3F-A24F-9546-F40EB98BED79}" dt="2022-08-23T18:00:10.986" v="252"/>
          <ac:inkMkLst>
            <pc:docMk/>
            <pc:sldMk cId="3451113877" sldId="296"/>
            <ac:inkMk id="212" creationId="{2432988A-B749-089B-5603-03EA021CCF62}"/>
          </ac:inkMkLst>
        </pc:inkChg>
        <pc:inkChg chg="add del">
          <ac:chgData name="Matias Vázquez Piñón" userId="e82d7a76-e5c2-4749-baff-1bb8c1dfc0d7" providerId="ADAL" clId="{FC50E581-9A3F-A24F-9546-F40EB98BED79}" dt="2022-08-23T18:00:04.100" v="250"/>
          <ac:inkMkLst>
            <pc:docMk/>
            <pc:sldMk cId="3451113877" sldId="296"/>
            <ac:inkMk id="213" creationId="{AE7EC5DA-C218-8EC6-954A-13C00B69A8AE}"/>
          </ac:inkMkLst>
        </pc:inkChg>
        <pc:inkChg chg="add del">
          <ac:chgData name="Matias Vázquez Piñón" userId="e82d7a76-e5c2-4749-baff-1bb8c1dfc0d7" providerId="ADAL" clId="{FC50E581-9A3F-A24F-9546-F40EB98BED79}" dt="2022-08-23T18:00:04.100" v="250"/>
          <ac:inkMkLst>
            <pc:docMk/>
            <pc:sldMk cId="3451113877" sldId="296"/>
            <ac:inkMk id="214" creationId="{D4600FFB-7F23-4F28-8531-2B1550BEDB8C}"/>
          </ac:inkMkLst>
        </pc:inkChg>
        <pc:inkChg chg="add del">
          <ac:chgData name="Matias Vázquez Piñón" userId="e82d7a76-e5c2-4749-baff-1bb8c1dfc0d7" providerId="ADAL" clId="{FC50E581-9A3F-A24F-9546-F40EB98BED79}" dt="2022-08-23T18:00:04.100" v="250"/>
          <ac:inkMkLst>
            <pc:docMk/>
            <pc:sldMk cId="3451113877" sldId="296"/>
            <ac:inkMk id="215" creationId="{FFDDBA15-964E-B55A-85A1-D741DCCB68DC}"/>
          </ac:inkMkLst>
        </pc:inkChg>
        <pc:inkChg chg="add del">
          <ac:chgData name="Matias Vázquez Piñón" userId="e82d7a76-e5c2-4749-baff-1bb8c1dfc0d7" providerId="ADAL" clId="{FC50E581-9A3F-A24F-9546-F40EB98BED79}" dt="2022-08-23T18:00:04.100" v="250"/>
          <ac:inkMkLst>
            <pc:docMk/>
            <pc:sldMk cId="3451113877" sldId="296"/>
            <ac:inkMk id="216" creationId="{3E9367F3-EF4D-2FA0-C97A-5EFC8EEC5426}"/>
          </ac:inkMkLst>
        </pc:inkChg>
        <pc:inkChg chg="add del">
          <ac:chgData name="Matias Vázquez Piñón" userId="e82d7a76-e5c2-4749-baff-1bb8c1dfc0d7" providerId="ADAL" clId="{FC50E581-9A3F-A24F-9546-F40EB98BED79}" dt="2022-08-23T18:00:04.100" v="250"/>
          <ac:inkMkLst>
            <pc:docMk/>
            <pc:sldMk cId="3451113877" sldId="296"/>
            <ac:inkMk id="217" creationId="{B76CF7E3-3B93-C259-6FB8-52227B90C402}"/>
          </ac:inkMkLst>
        </pc:inkChg>
        <pc:inkChg chg="add del reco">
          <ac:chgData name="Matias Vázquez Piñón" userId="e82d7a76-e5c2-4749-baff-1bb8c1dfc0d7" providerId="ADAL" clId="{FC50E581-9A3F-A24F-9546-F40EB98BED79}" dt="2022-08-23T18:00:11.001" v="258"/>
          <ac:inkMkLst>
            <pc:docMk/>
            <pc:sldMk cId="3451113877" sldId="296"/>
            <ac:inkMk id="218" creationId="{A226ACC1-3282-0BBD-862E-788DFB610140}"/>
          </ac:inkMkLst>
        </pc:inkChg>
        <pc:inkChg chg="add del">
          <ac:chgData name="Matias Vázquez Piñón" userId="e82d7a76-e5c2-4749-baff-1bb8c1dfc0d7" providerId="ADAL" clId="{FC50E581-9A3F-A24F-9546-F40EB98BED79}" dt="2022-08-23T18:00:20.017" v="270"/>
          <ac:inkMkLst>
            <pc:docMk/>
            <pc:sldMk cId="3451113877" sldId="296"/>
            <ac:inkMk id="219" creationId="{C75BAAAA-8516-C40A-FA79-7DEC081A7A77}"/>
          </ac:inkMkLst>
        </pc:inkChg>
        <pc:inkChg chg="add del">
          <ac:chgData name="Matias Vázquez Piñón" userId="e82d7a76-e5c2-4749-baff-1bb8c1dfc0d7" providerId="ADAL" clId="{FC50E581-9A3F-A24F-9546-F40EB98BED79}" dt="2022-08-23T18:00:20.017" v="270"/>
          <ac:inkMkLst>
            <pc:docMk/>
            <pc:sldMk cId="3451113877" sldId="296"/>
            <ac:inkMk id="220" creationId="{31A8E47F-A4C0-4A81-C8D1-AD7154F1D4B2}"/>
          </ac:inkMkLst>
        </pc:inkChg>
        <pc:inkChg chg="add del">
          <ac:chgData name="Matias Vázquez Piñón" userId="e82d7a76-e5c2-4749-baff-1bb8c1dfc0d7" providerId="ADAL" clId="{FC50E581-9A3F-A24F-9546-F40EB98BED79}" dt="2022-08-23T18:00:20.017" v="270"/>
          <ac:inkMkLst>
            <pc:docMk/>
            <pc:sldMk cId="3451113877" sldId="296"/>
            <ac:inkMk id="221" creationId="{7C26A6B0-B467-BB59-4871-B879614EE6DA}"/>
          </ac:inkMkLst>
        </pc:inkChg>
        <pc:inkChg chg="add del">
          <ac:chgData name="Matias Vázquez Piñón" userId="e82d7a76-e5c2-4749-baff-1bb8c1dfc0d7" providerId="ADAL" clId="{FC50E581-9A3F-A24F-9546-F40EB98BED79}" dt="2022-08-23T18:00:20.017" v="270"/>
          <ac:inkMkLst>
            <pc:docMk/>
            <pc:sldMk cId="3451113877" sldId="296"/>
            <ac:inkMk id="222" creationId="{59968EC2-3667-B4D1-C305-6EFF0D140E19}"/>
          </ac:inkMkLst>
        </pc:inkChg>
        <pc:inkChg chg="add del">
          <ac:chgData name="Matias Vázquez Piñón" userId="e82d7a76-e5c2-4749-baff-1bb8c1dfc0d7" providerId="ADAL" clId="{FC50E581-9A3F-A24F-9546-F40EB98BED79}" dt="2022-08-23T18:00:20.017" v="270"/>
          <ac:inkMkLst>
            <pc:docMk/>
            <pc:sldMk cId="3451113877" sldId="296"/>
            <ac:inkMk id="223" creationId="{6C24DE64-AB3A-ADB1-43C3-17DC5319C364}"/>
          </ac:inkMkLst>
        </pc:inkChg>
        <pc:inkChg chg="add del">
          <ac:chgData name="Matias Vázquez Piñón" userId="e82d7a76-e5c2-4749-baff-1bb8c1dfc0d7" providerId="ADAL" clId="{FC50E581-9A3F-A24F-9546-F40EB98BED79}" dt="2022-08-23T18:00:20.017" v="270"/>
          <ac:inkMkLst>
            <pc:docMk/>
            <pc:sldMk cId="3451113877" sldId="296"/>
            <ac:inkMk id="224" creationId="{D1F8F3F2-51CF-7980-0A26-23150464B1D8}"/>
          </ac:inkMkLst>
        </pc:inkChg>
        <pc:inkChg chg="add del">
          <ac:chgData name="Matias Vázquez Piñón" userId="e82d7a76-e5c2-4749-baff-1bb8c1dfc0d7" providerId="ADAL" clId="{FC50E581-9A3F-A24F-9546-F40EB98BED79}" dt="2022-08-23T18:00:20.017" v="270"/>
          <ac:inkMkLst>
            <pc:docMk/>
            <pc:sldMk cId="3451113877" sldId="296"/>
            <ac:inkMk id="225" creationId="{7D971158-0166-70BE-E494-FAF7A1C640A3}"/>
          </ac:inkMkLst>
        </pc:inkChg>
        <pc:inkChg chg="add del">
          <ac:chgData name="Matias Vázquez Piñón" userId="e82d7a76-e5c2-4749-baff-1bb8c1dfc0d7" providerId="ADAL" clId="{FC50E581-9A3F-A24F-9546-F40EB98BED79}" dt="2022-08-23T18:00:20.017" v="270"/>
          <ac:inkMkLst>
            <pc:docMk/>
            <pc:sldMk cId="3451113877" sldId="296"/>
            <ac:inkMk id="226" creationId="{89C473B0-F59F-89FB-01CD-0E31D7167877}"/>
          </ac:inkMkLst>
        </pc:inkChg>
        <pc:inkChg chg="add del">
          <ac:chgData name="Matias Vázquez Piñón" userId="e82d7a76-e5c2-4749-baff-1bb8c1dfc0d7" providerId="ADAL" clId="{FC50E581-9A3F-A24F-9546-F40EB98BED79}" dt="2022-08-23T18:00:20.017" v="270"/>
          <ac:inkMkLst>
            <pc:docMk/>
            <pc:sldMk cId="3451113877" sldId="296"/>
            <ac:inkMk id="227" creationId="{B45853CF-0773-FD9E-A0C5-3A9744AF0253}"/>
          </ac:inkMkLst>
        </pc:inkChg>
        <pc:inkChg chg="add del">
          <ac:chgData name="Matias Vázquez Piñón" userId="e82d7a76-e5c2-4749-baff-1bb8c1dfc0d7" providerId="ADAL" clId="{FC50E581-9A3F-A24F-9546-F40EB98BED79}" dt="2022-08-23T18:00:20.017" v="270"/>
          <ac:inkMkLst>
            <pc:docMk/>
            <pc:sldMk cId="3451113877" sldId="296"/>
            <ac:inkMk id="228" creationId="{AB19A613-2BAA-1DD2-657B-F1ACF8D07828}"/>
          </ac:inkMkLst>
        </pc:inkChg>
        <pc:inkChg chg="add del reco">
          <ac:chgData name="Matias Vázquez Piñón" userId="e82d7a76-e5c2-4749-baff-1bb8c1dfc0d7" providerId="ADAL" clId="{FC50E581-9A3F-A24F-9546-F40EB98BED79}" dt="2022-08-23T18:01:22.972" v="296"/>
          <ac:inkMkLst>
            <pc:docMk/>
            <pc:sldMk cId="3451113877" sldId="296"/>
            <ac:inkMk id="229" creationId="{12FE64FE-76C5-7976-6A30-C5C5078186A7}"/>
          </ac:inkMkLst>
        </pc:inkChg>
        <pc:inkChg chg="add del">
          <ac:chgData name="Matias Vázquez Piñón" userId="e82d7a76-e5c2-4749-baff-1bb8c1dfc0d7" providerId="ADAL" clId="{FC50E581-9A3F-A24F-9546-F40EB98BED79}" dt="2022-08-23T18:00:32.091" v="277"/>
          <ac:inkMkLst>
            <pc:docMk/>
            <pc:sldMk cId="3451113877" sldId="296"/>
            <ac:inkMk id="230" creationId="{AE3E8C97-81DE-FB35-F68A-B233FF9571EE}"/>
          </ac:inkMkLst>
        </pc:inkChg>
        <pc:inkChg chg="add del">
          <ac:chgData name="Matias Vázquez Piñón" userId="e82d7a76-e5c2-4749-baff-1bb8c1dfc0d7" providerId="ADAL" clId="{FC50E581-9A3F-A24F-9546-F40EB98BED79}" dt="2022-08-23T18:00:32.091" v="277"/>
          <ac:inkMkLst>
            <pc:docMk/>
            <pc:sldMk cId="3451113877" sldId="296"/>
            <ac:inkMk id="231" creationId="{1DD4FEEF-B86C-19CE-9782-AF97787F229A}"/>
          </ac:inkMkLst>
        </pc:inkChg>
        <pc:inkChg chg="add del">
          <ac:chgData name="Matias Vázquez Piñón" userId="e82d7a76-e5c2-4749-baff-1bb8c1dfc0d7" providerId="ADAL" clId="{FC50E581-9A3F-A24F-9546-F40EB98BED79}" dt="2022-08-23T18:00:32.091" v="277"/>
          <ac:inkMkLst>
            <pc:docMk/>
            <pc:sldMk cId="3451113877" sldId="296"/>
            <ac:inkMk id="232" creationId="{385847FE-A8ED-E873-2DE6-0F5C0EB49234}"/>
          </ac:inkMkLst>
        </pc:inkChg>
        <pc:inkChg chg="add del">
          <ac:chgData name="Matias Vázquez Piñón" userId="e82d7a76-e5c2-4749-baff-1bb8c1dfc0d7" providerId="ADAL" clId="{FC50E581-9A3F-A24F-9546-F40EB98BED79}" dt="2022-08-23T18:00:32.091" v="277"/>
          <ac:inkMkLst>
            <pc:docMk/>
            <pc:sldMk cId="3451113877" sldId="296"/>
            <ac:inkMk id="233" creationId="{FD5B7586-60EC-AFAC-760B-726045718D40}"/>
          </ac:inkMkLst>
        </pc:inkChg>
        <pc:inkChg chg="add del">
          <ac:chgData name="Matias Vázquez Piñón" userId="e82d7a76-e5c2-4749-baff-1bb8c1dfc0d7" providerId="ADAL" clId="{FC50E581-9A3F-A24F-9546-F40EB98BED79}" dt="2022-08-23T18:00:32.091" v="277"/>
          <ac:inkMkLst>
            <pc:docMk/>
            <pc:sldMk cId="3451113877" sldId="296"/>
            <ac:inkMk id="234" creationId="{B438B4E6-13B3-4E80-58E1-AD917B221214}"/>
          </ac:inkMkLst>
        </pc:inkChg>
        <pc:inkChg chg="add del">
          <ac:chgData name="Matias Vázquez Piñón" userId="e82d7a76-e5c2-4749-baff-1bb8c1dfc0d7" providerId="ADAL" clId="{FC50E581-9A3F-A24F-9546-F40EB98BED79}" dt="2022-08-23T18:00:32.091" v="277"/>
          <ac:inkMkLst>
            <pc:docMk/>
            <pc:sldMk cId="3451113877" sldId="296"/>
            <ac:inkMk id="235" creationId="{00C020B9-D84D-CC7E-3992-0EF0F455E44E}"/>
          </ac:inkMkLst>
        </pc:inkChg>
        <pc:inkChg chg="add del reco">
          <ac:chgData name="Matias Vázquez Piñón" userId="e82d7a76-e5c2-4749-baff-1bb8c1dfc0d7" providerId="ADAL" clId="{FC50E581-9A3F-A24F-9546-F40EB98BED79}" dt="2022-08-23T18:01:22.978" v="299"/>
          <ac:inkMkLst>
            <pc:docMk/>
            <pc:sldMk cId="3451113877" sldId="296"/>
            <ac:inkMk id="236" creationId="{A7EED802-47B5-2D87-C04A-1EF242C72086}"/>
          </ac:inkMkLst>
        </pc:inkChg>
        <pc:inkChg chg="add del">
          <ac:chgData name="Matias Vázquez Piñón" userId="e82d7a76-e5c2-4749-baff-1bb8c1dfc0d7" providerId="ADAL" clId="{FC50E581-9A3F-A24F-9546-F40EB98BED79}" dt="2022-08-23T18:00:37.774" v="284"/>
          <ac:inkMkLst>
            <pc:docMk/>
            <pc:sldMk cId="3451113877" sldId="296"/>
            <ac:inkMk id="237" creationId="{3916031E-EECA-6329-A490-72F845B3EAF1}"/>
          </ac:inkMkLst>
        </pc:inkChg>
        <pc:inkChg chg="add del">
          <ac:chgData name="Matias Vázquez Piñón" userId="e82d7a76-e5c2-4749-baff-1bb8c1dfc0d7" providerId="ADAL" clId="{FC50E581-9A3F-A24F-9546-F40EB98BED79}" dt="2022-08-23T18:00:37.774" v="284"/>
          <ac:inkMkLst>
            <pc:docMk/>
            <pc:sldMk cId="3451113877" sldId="296"/>
            <ac:inkMk id="238" creationId="{FD25C79B-01CC-404A-6C09-4F68F78AE9AA}"/>
          </ac:inkMkLst>
        </pc:inkChg>
        <pc:inkChg chg="add del">
          <ac:chgData name="Matias Vázquez Piñón" userId="e82d7a76-e5c2-4749-baff-1bb8c1dfc0d7" providerId="ADAL" clId="{FC50E581-9A3F-A24F-9546-F40EB98BED79}" dt="2022-08-23T18:00:37.774" v="284"/>
          <ac:inkMkLst>
            <pc:docMk/>
            <pc:sldMk cId="3451113877" sldId="296"/>
            <ac:inkMk id="239" creationId="{132E411C-5F63-44C8-79C6-568F6165FAF9}"/>
          </ac:inkMkLst>
        </pc:inkChg>
        <pc:inkChg chg="add del">
          <ac:chgData name="Matias Vázquez Piñón" userId="e82d7a76-e5c2-4749-baff-1bb8c1dfc0d7" providerId="ADAL" clId="{FC50E581-9A3F-A24F-9546-F40EB98BED79}" dt="2022-08-23T18:00:37.774" v="284"/>
          <ac:inkMkLst>
            <pc:docMk/>
            <pc:sldMk cId="3451113877" sldId="296"/>
            <ac:inkMk id="240" creationId="{ED29E5B5-100A-791D-E129-10FD5F2CB118}"/>
          </ac:inkMkLst>
        </pc:inkChg>
        <pc:inkChg chg="add del">
          <ac:chgData name="Matias Vázquez Piñón" userId="e82d7a76-e5c2-4749-baff-1bb8c1dfc0d7" providerId="ADAL" clId="{FC50E581-9A3F-A24F-9546-F40EB98BED79}" dt="2022-08-23T18:00:37.774" v="284"/>
          <ac:inkMkLst>
            <pc:docMk/>
            <pc:sldMk cId="3451113877" sldId="296"/>
            <ac:inkMk id="241" creationId="{C1219F29-C7F2-42CF-D477-E11000E339B0}"/>
          </ac:inkMkLst>
        </pc:inkChg>
        <pc:inkChg chg="add del">
          <ac:chgData name="Matias Vázquez Piñón" userId="e82d7a76-e5c2-4749-baff-1bb8c1dfc0d7" providerId="ADAL" clId="{FC50E581-9A3F-A24F-9546-F40EB98BED79}" dt="2022-08-23T18:00:37.774" v="284"/>
          <ac:inkMkLst>
            <pc:docMk/>
            <pc:sldMk cId="3451113877" sldId="296"/>
            <ac:inkMk id="242" creationId="{43BFFB99-D215-1DFD-B9E8-45FC2074ED79}"/>
          </ac:inkMkLst>
        </pc:inkChg>
        <pc:inkChg chg="add del reco">
          <ac:chgData name="Matias Vázquez Piñón" userId="e82d7a76-e5c2-4749-baff-1bb8c1dfc0d7" providerId="ADAL" clId="{FC50E581-9A3F-A24F-9546-F40EB98BED79}" dt="2022-08-23T18:01:22.980" v="300"/>
          <ac:inkMkLst>
            <pc:docMk/>
            <pc:sldMk cId="3451113877" sldId="296"/>
            <ac:inkMk id="243" creationId="{FF657790-A442-B12C-1171-2FA51701B469}"/>
          </ac:inkMkLst>
        </pc:inkChg>
        <pc:inkChg chg="add del reco">
          <ac:chgData name="Matias Vázquez Piñón" userId="e82d7a76-e5c2-4749-baff-1bb8c1dfc0d7" providerId="ADAL" clId="{FC50E581-9A3F-A24F-9546-F40EB98BED79}" dt="2022-08-23T18:01:22.967" v="294"/>
          <ac:inkMkLst>
            <pc:docMk/>
            <pc:sldMk cId="3451113877" sldId="296"/>
            <ac:inkMk id="244" creationId="{E6340932-C61F-B7AA-D0BD-4772977BA0BD}"/>
          </ac:inkMkLst>
        </pc:inkChg>
        <pc:inkChg chg="add del">
          <ac:chgData name="Matias Vázquez Piñón" userId="e82d7a76-e5c2-4749-baff-1bb8c1dfc0d7" providerId="ADAL" clId="{FC50E581-9A3F-A24F-9546-F40EB98BED79}" dt="2022-08-23T18:00:45.604" v="287"/>
          <ac:inkMkLst>
            <pc:docMk/>
            <pc:sldMk cId="3451113877" sldId="296"/>
            <ac:inkMk id="245" creationId="{73ACD7F2-EB55-321C-F7AA-0C4C4860D090}"/>
          </ac:inkMkLst>
        </pc:inkChg>
        <pc:inkChg chg="add del">
          <ac:chgData name="Matias Vázquez Piñón" userId="e82d7a76-e5c2-4749-baff-1bb8c1dfc0d7" providerId="ADAL" clId="{FC50E581-9A3F-A24F-9546-F40EB98BED79}" dt="2022-08-23T18:00:45.604" v="287"/>
          <ac:inkMkLst>
            <pc:docMk/>
            <pc:sldMk cId="3451113877" sldId="296"/>
            <ac:inkMk id="246" creationId="{807ADDEF-95C9-B6B5-A0C5-E90D8C97B64F}"/>
          </ac:inkMkLst>
        </pc:inkChg>
        <pc:inkChg chg="add del reco">
          <ac:chgData name="Matias Vázquez Piñón" userId="e82d7a76-e5c2-4749-baff-1bb8c1dfc0d7" providerId="ADAL" clId="{FC50E581-9A3F-A24F-9546-F40EB98BED79}" dt="2022-08-23T18:01:22.964" v="293"/>
          <ac:inkMkLst>
            <pc:docMk/>
            <pc:sldMk cId="3451113877" sldId="296"/>
            <ac:inkMk id="247" creationId="{098B024D-A276-17BF-D17A-A3B6C971B5A8}"/>
          </ac:inkMkLst>
        </pc:inkChg>
        <pc:inkChg chg="add del">
          <ac:chgData name="Matias Vázquez Piñón" userId="e82d7a76-e5c2-4749-baff-1bb8c1dfc0d7" providerId="ADAL" clId="{FC50E581-9A3F-A24F-9546-F40EB98BED79}" dt="2022-08-23T18:00:48.092" v="290"/>
          <ac:inkMkLst>
            <pc:docMk/>
            <pc:sldMk cId="3451113877" sldId="296"/>
            <ac:inkMk id="248" creationId="{99315630-EB0E-B5A1-B37B-F36CE51B4C49}"/>
          </ac:inkMkLst>
        </pc:inkChg>
        <pc:inkChg chg="add del">
          <ac:chgData name="Matias Vázquez Piñón" userId="e82d7a76-e5c2-4749-baff-1bb8c1dfc0d7" providerId="ADAL" clId="{FC50E581-9A3F-A24F-9546-F40EB98BED79}" dt="2022-08-23T18:00:48.092" v="290"/>
          <ac:inkMkLst>
            <pc:docMk/>
            <pc:sldMk cId="3451113877" sldId="296"/>
            <ac:inkMk id="249" creationId="{C49FC15E-1BFE-B962-13E7-AB1AF3920667}"/>
          </ac:inkMkLst>
        </pc:inkChg>
        <pc:inkChg chg="add del reco">
          <ac:chgData name="Matias Vázquez Piñón" userId="e82d7a76-e5c2-4749-baff-1bb8c1dfc0d7" providerId="ADAL" clId="{FC50E581-9A3F-A24F-9546-F40EB98BED79}" dt="2022-08-23T18:01:22.974" v="297"/>
          <ac:inkMkLst>
            <pc:docMk/>
            <pc:sldMk cId="3451113877" sldId="296"/>
            <ac:inkMk id="250" creationId="{60CCA525-2E77-F336-5DC4-00748DB702BD}"/>
          </ac:inkMkLst>
        </pc:inkChg>
        <pc:inkChg chg="add del">
          <ac:chgData name="Matias Vázquez Piñón" userId="e82d7a76-e5c2-4749-baff-1bb8c1dfc0d7" providerId="ADAL" clId="{FC50E581-9A3F-A24F-9546-F40EB98BED79}" dt="2022-08-23T18:01:22.976" v="298"/>
          <ac:inkMkLst>
            <pc:docMk/>
            <pc:sldMk cId="3451113877" sldId="296"/>
            <ac:inkMk id="251" creationId="{DCAE4025-857F-CA96-DCF7-2C235B3D6917}"/>
          </ac:inkMkLst>
        </pc:inkChg>
        <pc:inkChg chg="add del">
          <ac:chgData name="Matias Vázquez Piñón" userId="e82d7a76-e5c2-4749-baff-1bb8c1dfc0d7" providerId="ADAL" clId="{FC50E581-9A3F-A24F-9546-F40EB98BED79}" dt="2022-08-23T18:01:22.969" v="295"/>
          <ac:inkMkLst>
            <pc:docMk/>
            <pc:sldMk cId="3451113877" sldId="296"/>
            <ac:inkMk id="252" creationId="{6D7629AD-59E1-1B84-B88E-A21803E16DD5}"/>
          </ac:inkMkLst>
        </pc:inkChg>
      </pc:sldChg>
    </pc:docChg>
  </pc:docChgLst>
  <pc:docChgLst>
    <pc:chgData name="Matias Vázquez Piñón" userId="2f86a967-3c9c-4a39-b538-7e6c0574d83d" providerId="ADAL" clId="{8BBDCB0A-FAE8-4C81-BE5E-0ECAE5B97C1D}"/>
    <pc:docChg chg="undo custSel addSld delSld modSld">
      <pc:chgData name="Matias Vázquez Piñón" userId="2f86a967-3c9c-4a39-b538-7e6c0574d83d" providerId="ADAL" clId="{8BBDCB0A-FAE8-4C81-BE5E-0ECAE5B97C1D}" dt="2022-08-31T14:39:00.710" v="1489" actId="47"/>
      <pc:docMkLst>
        <pc:docMk/>
      </pc:docMkLst>
      <pc:sldChg chg="addSp delSp modSp del mod modClrScheme chgLayout">
        <pc:chgData name="Matias Vázquez Piñón" userId="2f86a967-3c9c-4a39-b538-7e6c0574d83d" providerId="ADAL" clId="{8BBDCB0A-FAE8-4C81-BE5E-0ECAE5B97C1D}" dt="2022-08-30T14:08:36.756" v="1402" actId="47"/>
        <pc:sldMkLst>
          <pc:docMk/>
          <pc:sldMk cId="2070219909" sldId="279"/>
        </pc:sldMkLst>
        <pc:spChg chg="mod ord">
          <ac:chgData name="Matias Vázquez Piñón" userId="2f86a967-3c9c-4a39-b538-7e6c0574d83d" providerId="ADAL" clId="{8BBDCB0A-FAE8-4C81-BE5E-0ECAE5B97C1D}" dt="2022-08-26T14:42:44.149" v="1038" actId="700"/>
          <ac:spMkLst>
            <pc:docMk/>
            <pc:sldMk cId="2070219909" sldId="279"/>
            <ac:spMk id="2" creationId="{E0FE4443-23D5-AD87-9C13-B69D3C19A67C}"/>
          </ac:spMkLst>
        </pc:spChg>
        <pc:spChg chg="mod ord">
          <ac:chgData name="Matias Vázquez Piñón" userId="2f86a967-3c9c-4a39-b538-7e6c0574d83d" providerId="ADAL" clId="{8BBDCB0A-FAE8-4C81-BE5E-0ECAE5B97C1D}" dt="2022-08-26T14:58:06.868" v="1125" actId="15"/>
          <ac:spMkLst>
            <pc:docMk/>
            <pc:sldMk cId="2070219909" sldId="279"/>
            <ac:spMk id="3" creationId="{7AE75F08-ED4F-28BA-1C57-F13CF78D6209}"/>
          </ac:spMkLst>
        </pc:spChg>
        <pc:spChg chg="mod ord">
          <ac:chgData name="Matias Vázquez Piñón" userId="2f86a967-3c9c-4a39-b538-7e6c0574d83d" providerId="ADAL" clId="{8BBDCB0A-FAE8-4C81-BE5E-0ECAE5B97C1D}" dt="2022-08-26T14:42:44.149" v="1038" actId="700"/>
          <ac:spMkLst>
            <pc:docMk/>
            <pc:sldMk cId="2070219909" sldId="279"/>
            <ac:spMk id="4" creationId="{6F436015-7CF8-711B-791B-64DF4CF39457}"/>
          </ac:spMkLst>
        </pc:spChg>
        <pc:spChg chg="add del mod ord">
          <ac:chgData name="Matias Vázquez Piñón" userId="2f86a967-3c9c-4a39-b538-7e6c0574d83d" providerId="ADAL" clId="{8BBDCB0A-FAE8-4C81-BE5E-0ECAE5B97C1D}" dt="2022-08-26T14:42:44.149" v="1038" actId="700"/>
          <ac:spMkLst>
            <pc:docMk/>
            <pc:sldMk cId="2070219909" sldId="279"/>
            <ac:spMk id="5" creationId="{FB514202-D346-27B9-8A8E-14063466AAA0}"/>
          </ac:spMkLst>
        </pc:spChg>
        <pc:spChg chg="add del mod ord">
          <ac:chgData name="Matias Vázquez Piñón" userId="2f86a967-3c9c-4a39-b538-7e6c0574d83d" providerId="ADAL" clId="{8BBDCB0A-FAE8-4C81-BE5E-0ECAE5B97C1D}" dt="2022-08-26T14:42:44.149" v="1038" actId="700"/>
          <ac:spMkLst>
            <pc:docMk/>
            <pc:sldMk cId="2070219909" sldId="279"/>
            <ac:spMk id="7" creationId="{745062DF-B53F-3270-B99A-F04679947589}"/>
          </ac:spMkLst>
        </pc:spChg>
        <pc:picChg chg="add del mod">
          <ac:chgData name="Matias Vázquez Piñón" userId="2f86a967-3c9c-4a39-b538-7e6c0574d83d" providerId="ADAL" clId="{8BBDCB0A-FAE8-4C81-BE5E-0ECAE5B97C1D}" dt="2022-08-26T14:35:19.967" v="821" actId="21"/>
          <ac:picMkLst>
            <pc:docMk/>
            <pc:sldMk cId="2070219909" sldId="279"/>
            <ac:picMk id="6" creationId="{DC458E4D-03D2-45E5-A253-19B9927B2F00}"/>
          </ac:picMkLst>
        </pc:picChg>
      </pc:sldChg>
      <pc:sldChg chg="modSp mod">
        <pc:chgData name="Matias Vázquez Piñón" userId="2f86a967-3c9c-4a39-b538-7e6c0574d83d" providerId="ADAL" clId="{8BBDCB0A-FAE8-4C81-BE5E-0ECAE5B97C1D}" dt="2022-08-30T14:09:40.915" v="1411" actId="1076"/>
        <pc:sldMkLst>
          <pc:docMk/>
          <pc:sldMk cId="391587271" sldId="284"/>
        </pc:sldMkLst>
        <pc:spChg chg="mod">
          <ac:chgData name="Matias Vázquez Piñón" userId="2f86a967-3c9c-4a39-b538-7e6c0574d83d" providerId="ADAL" clId="{8BBDCB0A-FAE8-4C81-BE5E-0ECAE5B97C1D}" dt="2022-08-30T14:09:40.915" v="1411" actId="1076"/>
          <ac:spMkLst>
            <pc:docMk/>
            <pc:sldMk cId="391587271" sldId="284"/>
            <ac:spMk id="22" creationId="{DEF948AC-DEE4-670F-1EF5-624CC5334AD2}"/>
          </ac:spMkLst>
        </pc:spChg>
        <pc:graphicFrameChg chg="mod">
          <ac:chgData name="Matias Vázquez Piñón" userId="2f86a967-3c9c-4a39-b538-7e6c0574d83d" providerId="ADAL" clId="{8BBDCB0A-FAE8-4C81-BE5E-0ECAE5B97C1D}" dt="2022-08-30T14:09:16.412" v="1410" actId="20577"/>
          <ac:graphicFrameMkLst>
            <pc:docMk/>
            <pc:sldMk cId="391587271" sldId="284"/>
            <ac:graphicFrameMk id="15" creationId="{4F716FC0-FD45-D6D2-4688-19BECAAC8E52}"/>
          </ac:graphicFrameMkLst>
        </pc:graphicFrameChg>
        <pc:picChg chg="mod">
          <ac:chgData name="Matias Vázquez Piñón" userId="2f86a967-3c9c-4a39-b538-7e6c0574d83d" providerId="ADAL" clId="{8BBDCB0A-FAE8-4C81-BE5E-0ECAE5B97C1D}" dt="2022-08-30T14:09:40.915" v="1411" actId="1076"/>
          <ac:picMkLst>
            <pc:docMk/>
            <pc:sldMk cId="391587271" sldId="284"/>
            <ac:picMk id="26" creationId="{A9BF15F8-7235-9B9B-112D-BB71901C1C26}"/>
          </ac:picMkLst>
        </pc:picChg>
      </pc:sldChg>
      <pc:sldChg chg="modSp">
        <pc:chgData name="Matias Vázquez Piñón" userId="2f86a967-3c9c-4a39-b538-7e6c0574d83d" providerId="ADAL" clId="{8BBDCB0A-FAE8-4C81-BE5E-0ECAE5B97C1D}" dt="2022-08-26T12:38:57.103" v="0" actId="14100"/>
        <pc:sldMkLst>
          <pc:docMk/>
          <pc:sldMk cId="174909486" sldId="285"/>
        </pc:sldMkLst>
        <pc:picChg chg="mod">
          <ac:chgData name="Matias Vázquez Piñón" userId="2f86a967-3c9c-4a39-b538-7e6c0574d83d" providerId="ADAL" clId="{8BBDCB0A-FAE8-4C81-BE5E-0ECAE5B97C1D}" dt="2022-08-26T12:38:57.103" v="0" actId="14100"/>
          <ac:picMkLst>
            <pc:docMk/>
            <pc:sldMk cId="174909486" sldId="285"/>
            <ac:picMk id="9" creationId="{19404F77-2E9A-D7F8-63D8-2C8CFA70111D}"/>
          </ac:picMkLst>
        </pc:picChg>
      </pc:sldChg>
      <pc:sldChg chg="addSp delSp modSp new mod modClrScheme chgLayout">
        <pc:chgData name="Matias Vázquez Piñón" userId="2f86a967-3c9c-4a39-b538-7e6c0574d83d" providerId="ADAL" clId="{8BBDCB0A-FAE8-4C81-BE5E-0ECAE5B97C1D}" dt="2022-08-26T15:10:20.371" v="1216" actId="790"/>
        <pc:sldMkLst>
          <pc:docMk/>
          <pc:sldMk cId="1738378546" sldId="287"/>
        </pc:sldMkLst>
        <pc:spChg chg="del mod ord">
          <ac:chgData name="Matias Vázquez Piñón" userId="2f86a967-3c9c-4a39-b538-7e6c0574d83d" providerId="ADAL" clId="{8BBDCB0A-FAE8-4C81-BE5E-0ECAE5B97C1D}" dt="2022-08-26T15:08:22.493" v="1135" actId="700"/>
          <ac:spMkLst>
            <pc:docMk/>
            <pc:sldMk cId="1738378546" sldId="287"/>
            <ac:spMk id="2" creationId="{3AAFC9D3-49F5-C4FC-1B9B-966809B50BC4}"/>
          </ac:spMkLst>
        </pc:spChg>
        <pc:spChg chg="add del">
          <ac:chgData name="Matias Vázquez Piñón" userId="2f86a967-3c9c-4a39-b538-7e6c0574d83d" providerId="ADAL" clId="{8BBDCB0A-FAE8-4C81-BE5E-0ECAE5B97C1D}" dt="2022-08-26T15:08:22.493" v="1135" actId="700"/>
          <ac:spMkLst>
            <pc:docMk/>
            <pc:sldMk cId="1738378546" sldId="287"/>
            <ac:spMk id="3" creationId="{FC092CEC-5FA9-9DE3-ED85-D47A5C622814}"/>
          </ac:spMkLst>
        </pc:spChg>
        <pc:spChg chg="mod ord">
          <ac:chgData name="Matias Vázquez Piñón" userId="2f86a967-3c9c-4a39-b538-7e6c0574d83d" providerId="ADAL" clId="{8BBDCB0A-FAE8-4C81-BE5E-0ECAE5B97C1D}" dt="2022-08-26T15:08:22.493" v="1135" actId="700"/>
          <ac:spMkLst>
            <pc:docMk/>
            <pc:sldMk cId="1738378546" sldId="287"/>
            <ac:spMk id="4" creationId="{5E68CFC2-4CF8-A1BC-8173-393646612096}"/>
          </ac:spMkLst>
        </pc:spChg>
        <pc:spChg chg="mod">
          <ac:chgData name="Matias Vázquez Piñón" userId="2f86a967-3c9c-4a39-b538-7e6c0574d83d" providerId="ADAL" clId="{8BBDCB0A-FAE8-4C81-BE5E-0ECAE5B97C1D}" dt="2022-08-26T15:07:43.266" v="1128"/>
          <ac:spMkLst>
            <pc:docMk/>
            <pc:sldMk cId="1738378546" sldId="287"/>
            <ac:spMk id="7" creationId="{284229BE-8A1D-653C-80AB-8C6F9C887DA2}"/>
          </ac:spMkLst>
        </pc:spChg>
        <pc:spChg chg="mod">
          <ac:chgData name="Matias Vázquez Piñón" userId="2f86a967-3c9c-4a39-b538-7e6c0574d83d" providerId="ADAL" clId="{8BBDCB0A-FAE8-4C81-BE5E-0ECAE5B97C1D}" dt="2022-08-26T15:07:43.266" v="1128"/>
          <ac:spMkLst>
            <pc:docMk/>
            <pc:sldMk cId="1738378546" sldId="287"/>
            <ac:spMk id="8" creationId="{1D9C3902-459C-DE62-B8F2-7E20BC2F7687}"/>
          </ac:spMkLst>
        </pc:spChg>
        <pc:spChg chg="mod">
          <ac:chgData name="Matias Vázquez Piñón" userId="2f86a967-3c9c-4a39-b538-7e6c0574d83d" providerId="ADAL" clId="{8BBDCB0A-FAE8-4C81-BE5E-0ECAE5B97C1D}" dt="2022-08-26T15:07:43.266" v="1128"/>
          <ac:spMkLst>
            <pc:docMk/>
            <pc:sldMk cId="1738378546" sldId="287"/>
            <ac:spMk id="9" creationId="{19A32EA0-D32A-5B2B-B5E2-8BB7B3BFAFA1}"/>
          </ac:spMkLst>
        </pc:spChg>
        <pc:spChg chg="mod">
          <ac:chgData name="Matias Vázquez Piñón" userId="2f86a967-3c9c-4a39-b538-7e6c0574d83d" providerId="ADAL" clId="{8BBDCB0A-FAE8-4C81-BE5E-0ECAE5B97C1D}" dt="2022-08-26T15:07:43.266" v="1128"/>
          <ac:spMkLst>
            <pc:docMk/>
            <pc:sldMk cId="1738378546" sldId="287"/>
            <ac:spMk id="10" creationId="{289F6CAE-AA3A-073D-21FB-DC633285ED30}"/>
          </ac:spMkLst>
        </pc:spChg>
        <pc:spChg chg="mod">
          <ac:chgData name="Matias Vázquez Piñón" userId="2f86a967-3c9c-4a39-b538-7e6c0574d83d" providerId="ADAL" clId="{8BBDCB0A-FAE8-4C81-BE5E-0ECAE5B97C1D}" dt="2022-08-26T15:07:43.266" v="1128"/>
          <ac:spMkLst>
            <pc:docMk/>
            <pc:sldMk cId="1738378546" sldId="287"/>
            <ac:spMk id="11" creationId="{BEFA671F-76C5-D83B-7DD5-6A0D46761380}"/>
          </ac:spMkLst>
        </pc:spChg>
        <pc:spChg chg="mod">
          <ac:chgData name="Matias Vázquez Piñón" userId="2f86a967-3c9c-4a39-b538-7e6c0574d83d" providerId="ADAL" clId="{8BBDCB0A-FAE8-4C81-BE5E-0ECAE5B97C1D}" dt="2022-08-26T15:07:43.266" v="1128"/>
          <ac:spMkLst>
            <pc:docMk/>
            <pc:sldMk cId="1738378546" sldId="287"/>
            <ac:spMk id="12" creationId="{CC838EE1-1EC4-6669-9A7C-3F8245E2645D}"/>
          </ac:spMkLst>
        </pc:spChg>
        <pc:spChg chg="mod">
          <ac:chgData name="Matias Vázquez Piñón" userId="2f86a967-3c9c-4a39-b538-7e6c0574d83d" providerId="ADAL" clId="{8BBDCB0A-FAE8-4C81-BE5E-0ECAE5B97C1D}" dt="2022-08-26T15:07:43.266" v="1128"/>
          <ac:spMkLst>
            <pc:docMk/>
            <pc:sldMk cId="1738378546" sldId="287"/>
            <ac:spMk id="13" creationId="{60E49F0B-7514-3003-63B9-DC1720C2C7BD}"/>
          </ac:spMkLst>
        </pc:spChg>
        <pc:spChg chg="mod">
          <ac:chgData name="Matias Vázquez Piñón" userId="2f86a967-3c9c-4a39-b538-7e6c0574d83d" providerId="ADAL" clId="{8BBDCB0A-FAE8-4C81-BE5E-0ECAE5B97C1D}" dt="2022-08-26T15:07:43.266" v="1128"/>
          <ac:spMkLst>
            <pc:docMk/>
            <pc:sldMk cId="1738378546" sldId="287"/>
            <ac:spMk id="14" creationId="{9B5503A3-309D-8888-9D76-48DB35505062}"/>
          </ac:spMkLst>
        </pc:spChg>
        <pc:spChg chg="mod">
          <ac:chgData name="Matias Vázquez Piñón" userId="2f86a967-3c9c-4a39-b538-7e6c0574d83d" providerId="ADAL" clId="{8BBDCB0A-FAE8-4C81-BE5E-0ECAE5B97C1D}" dt="2022-08-26T15:07:43.266" v="1128"/>
          <ac:spMkLst>
            <pc:docMk/>
            <pc:sldMk cId="1738378546" sldId="287"/>
            <ac:spMk id="15" creationId="{865C5767-0D3E-1CB7-9AE1-E78A637EE5D8}"/>
          </ac:spMkLst>
        </pc:spChg>
        <pc:spChg chg="mod">
          <ac:chgData name="Matias Vázquez Piñón" userId="2f86a967-3c9c-4a39-b538-7e6c0574d83d" providerId="ADAL" clId="{8BBDCB0A-FAE8-4C81-BE5E-0ECAE5B97C1D}" dt="2022-08-26T15:07:43.266" v="1128"/>
          <ac:spMkLst>
            <pc:docMk/>
            <pc:sldMk cId="1738378546" sldId="287"/>
            <ac:spMk id="16" creationId="{DB630975-1514-4DE9-4DAA-5E2148B9B97D}"/>
          </ac:spMkLst>
        </pc:spChg>
        <pc:spChg chg="mod">
          <ac:chgData name="Matias Vázquez Piñón" userId="2f86a967-3c9c-4a39-b538-7e6c0574d83d" providerId="ADAL" clId="{8BBDCB0A-FAE8-4C81-BE5E-0ECAE5B97C1D}" dt="2022-08-26T15:07:43.266" v="1128"/>
          <ac:spMkLst>
            <pc:docMk/>
            <pc:sldMk cId="1738378546" sldId="287"/>
            <ac:spMk id="17" creationId="{DB9C5203-2504-CF78-E79F-13228C143D0C}"/>
          </ac:spMkLst>
        </pc:spChg>
        <pc:spChg chg="mod">
          <ac:chgData name="Matias Vázquez Piñón" userId="2f86a967-3c9c-4a39-b538-7e6c0574d83d" providerId="ADAL" clId="{8BBDCB0A-FAE8-4C81-BE5E-0ECAE5B97C1D}" dt="2022-08-26T15:07:43.266" v="1128"/>
          <ac:spMkLst>
            <pc:docMk/>
            <pc:sldMk cId="1738378546" sldId="287"/>
            <ac:spMk id="18" creationId="{844A2087-6C8A-112F-3E88-4BB7C99C76AF}"/>
          </ac:spMkLst>
        </pc:spChg>
        <pc:spChg chg="mod">
          <ac:chgData name="Matias Vázquez Piñón" userId="2f86a967-3c9c-4a39-b538-7e6c0574d83d" providerId="ADAL" clId="{8BBDCB0A-FAE8-4C81-BE5E-0ECAE5B97C1D}" dt="2022-08-26T15:07:43.266" v="1128"/>
          <ac:spMkLst>
            <pc:docMk/>
            <pc:sldMk cId="1738378546" sldId="287"/>
            <ac:spMk id="19" creationId="{3366FABD-F6C9-7201-FB48-042B539397A6}"/>
          </ac:spMkLst>
        </pc:spChg>
        <pc:spChg chg="mod">
          <ac:chgData name="Matias Vázquez Piñón" userId="2f86a967-3c9c-4a39-b538-7e6c0574d83d" providerId="ADAL" clId="{8BBDCB0A-FAE8-4C81-BE5E-0ECAE5B97C1D}" dt="2022-08-26T15:07:43.266" v="1128"/>
          <ac:spMkLst>
            <pc:docMk/>
            <pc:sldMk cId="1738378546" sldId="287"/>
            <ac:spMk id="20" creationId="{DBCE5FCD-F2E2-E08F-6B16-4829048A4237}"/>
          </ac:spMkLst>
        </pc:spChg>
        <pc:spChg chg="mod">
          <ac:chgData name="Matias Vázquez Piñón" userId="2f86a967-3c9c-4a39-b538-7e6c0574d83d" providerId="ADAL" clId="{8BBDCB0A-FAE8-4C81-BE5E-0ECAE5B97C1D}" dt="2022-08-26T15:07:43.266" v="1128"/>
          <ac:spMkLst>
            <pc:docMk/>
            <pc:sldMk cId="1738378546" sldId="287"/>
            <ac:spMk id="21" creationId="{0162C3F6-08CA-963E-A276-ABB2867E3943}"/>
          </ac:spMkLst>
        </pc:spChg>
        <pc:spChg chg="mod">
          <ac:chgData name="Matias Vázquez Piñón" userId="2f86a967-3c9c-4a39-b538-7e6c0574d83d" providerId="ADAL" clId="{8BBDCB0A-FAE8-4C81-BE5E-0ECAE5B97C1D}" dt="2022-08-26T15:07:43.266" v="1128"/>
          <ac:spMkLst>
            <pc:docMk/>
            <pc:sldMk cId="1738378546" sldId="287"/>
            <ac:spMk id="22" creationId="{70C8753A-8CBE-D62D-2A9B-C25A96DCD6D0}"/>
          </ac:spMkLst>
        </pc:spChg>
        <pc:spChg chg="mod">
          <ac:chgData name="Matias Vázquez Piñón" userId="2f86a967-3c9c-4a39-b538-7e6c0574d83d" providerId="ADAL" clId="{8BBDCB0A-FAE8-4C81-BE5E-0ECAE5B97C1D}" dt="2022-08-26T15:07:43.266" v="1128"/>
          <ac:spMkLst>
            <pc:docMk/>
            <pc:sldMk cId="1738378546" sldId="287"/>
            <ac:spMk id="23" creationId="{951934CF-D54D-B851-78F2-9D3E9D03FC28}"/>
          </ac:spMkLst>
        </pc:spChg>
        <pc:spChg chg="mod">
          <ac:chgData name="Matias Vázquez Piñón" userId="2f86a967-3c9c-4a39-b538-7e6c0574d83d" providerId="ADAL" clId="{8BBDCB0A-FAE8-4C81-BE5E-0ECAE5B97C1D}" dt="2022-08-26T15:07:43.266" v="1128"/>
          <ac:spMkLst>
            <pc:docMk/>
            <pc:sldMk cId="1738378546" sldId="287"/>
            <ac:spMk id="24" creationId="{67F7F9F8-5610-2904-0538-CB1DB5C016E8}"/>
          </ac:spMkLst>
        </pc:spChg>
        <pc:spChg chg="mod">
          <ac:chgData name="Matias Vázquez Piñón" userId="2f86a967-3c9c-4a39-b538-7e6c0574d83d" providerId="ADAL" clId="{8BBDCB0A-FAE8-4C81-BE5E-0ECAE5B97C1D}" dt="2022-08-26T15:07:43.266" v="1128"/>
          <ac:spMkLst>
            <pc:docMk/>
            <pc:sldMk cId="1738378546" sldId="287"/>
            <ac:spMk id="25" creationId="{A4FB81BE-A214-BB5D-042B-7132D9B69125}"/>
          </ac:spMkLst>
        </pc:spChg>
        <pc:spChg chg="mod">
          <ac:chgData name="Matias Vázquez Piñón" userId="2f86a967-3c9c-4a39-b538-7e6c0574d83d" providerId="ADAL" clId="{8BBDCB0A-FAE8-4C81-BE5E-0ECAE5B97C1D}" dt="2022-08-26T15:07:43.266" v="1128"/>
          <ac:spMkLst>
            <pc:docMk/>
            <pc:sldMk cId="1738378546" sldId="287"/>
            <ac:spMk id="26" creationId="{124DAEFB-6892-1738-ABE7-70BDCAE80D3C}"/>
          </ac:spMkLst>
        </pc:spChg>
        <pc:spChg chg="mod">
          <ac:chgData name="Matias Vázquez Piñón" userId="2f86a967-3c9c-4a39-b538-7e6c0574d83d" providerId="ADAL" clId="{8BBDCB0A-FAE8-4C81-BE5E-0ECAE5B97C1D}" dt="2022-08-26T15:07:43.266" v="1128"/>
          <ac:spMkLst>
            <pc:docMk/>
            <pc:sldMk cId="1738378546" sldId="287"/>
            <ac:spMk id="27" creationId="{D6893A6A-F509-6A48-FCC7-EA72060BA0BA}"/>
          </ac:spMkLst>
        </pc:spChg>
        <pc:spChg chg="mod">
          <ac:chgData name="Matias Vázquez Piñón" userId="2f86a967-3c9c-4a39-b538-7e6c0574d83d" providerId="ADAL" clId="{8BBDCB0A-FAE8-4C81-BE5E-0ECAE5B97C1D}" dt="2022-08-26T15:07:43.266" v="1128"/>
          <ac:spMkLst>
            <pc:docMk/>
            <pc:sldMk cId="1738378546" sldId="287"/>
            <ac:spMk id="28" creationId="{1F2AF58D-74EA-3F85-DF37-E458AF58B4CD}"/>
          </ac:spMkLst>
        </pc:spChg>
        <pc:spChg chg="mod">
          <ac:chgData name="Matias Vázquez Piñón" userId="2f86a967-3c9c-4a39-b538-7e6c0574d83d" providerId="ADAL" clId="{8BBDCB0A-FAE8-4C81-BE5E-0ECAE5B97C1D}" dt="2022-08-26T15:07:43.266" v="1128"/>
          <ac:spMkLst>
            <pc:docMk/>
            <pc:sldMk cId="1738378546" sldId="287"/>
            <ac:spMk id="29" creationId="{0D7FB8E9-16AE-CC27-013B-18B584B9525C}"/>
          </ac:spMkLst>
        </pc:spChg>
        <pc:spChg chg="mod">
          <ac:chgData name="Matias Vázquez Piñón" userId="2f86a967-3c9c-4a39-b538-7e6c0574d83d" providerId="ADAL" clId="{8BBDCB0A-FAE8-4C81-BE5E-0ECAE5B97C1D}" dt="2022-08-26T15:07:43.266" v="1128"/>
          <ac:spMkLst>
            <pc:docMk/>
            <pc:sldMk cId="1738378546" sldId="287"/>
            <ac:spMk id="30" creationId="{1F11E1C8-F0BA-730F-8D3E-B603BBAD6A64}"/>
          </ac:spMkLst>
        </pc:spChg>
        <pc:spChg chg="mod">
          <ac:chgData name="Matias Vázquez Piñón" userId="2f86a967-3c9c-4a39-b538-7e6c0574d83d" providerId="ADAL" clId="{8BBDCB0A-FAE8-4C81-BE5E-0ECAE5B97C1D}" dt="2022-08-26T15:07:43.266" v="1128"/>
          <ac:spMkLst>
            <pc:docMk/>
            <pc:sldMk cId="1738378546" sldId="287"/>
            <ac:spMk id="31" creationId="{60272648-872D-C702-575F-494D00546209}"/>
          </ac:spMkLst>
        </pc:spChg>
        <pc:spChg chg="mod">
          <ac:chgData name="Matias Vázquez Piñón" userId="2f86a967-3c9c-4a39-b538-7e6c0574d83d" providerId="ADAL" clId="{8BBDCB0A-FAE8-4C81-BE5E-0ECAE5B97C1D}" dt="2022-08-26T15:07:43.266" v="1128"/>
          <ac:spMkLst>
            <pc:docMk/>
            <pc:sldMk cId="1738378546" sldId="287"/>
            <ac:spMk id="32" creationId="{A064642D-2579-961B-BBDE-740F439F31C7}"/>
          </ac:spMkLst>
        </pc:spChg>
        <pc:spChg chg="mod">
          <ac:chgData name="Matias Vázquez Piñón" userId="2f86a967-3c9c-4a39-b538-7e6c0574d83d" providerId="ADAL" clId="{8BBDCB0A-FAE8-4C81-BE5E-0ECAE5B97C1D}" dt="2022-08-26T15:07:43.266" v="1128"/>
          <ac:spMkLst>
            <pc:docMk/>
            <pc:sldMk cId="1738378546" sldId="287"/>
            <ac:spMk id="33" creationId="{8355BA5A-73A3-BA8B-ED01-EA036346AFC8}"/>
          </ac:spMkLst>
        </pc:spChg>
        <pc:spChg chg="mod">
          <ac:chgData name="Matias Vázquez Piñón" userId="2f86a967-3c9c-4a39-b538-7e6c0574d83d" providerId="ADAL" clId="{8BBDCB0A-FAE8-4C81-BE5E-0ECAE5B97C1D}" dt="2022-08-26T15:07:43.266" v="1128"/>
          <ac:spMkLst>
            <pc:docMk/>
            <pc:sldMk cId="1738378546" sldId="287"/>
            <ac:spMk id="34" creationId="{3058A313-C67E-C009-BB4F-54EFF41677EC}"/>
          </ac:spMkLst>
        </pc:spChg>
        <pc:spChg chg="mod">
          <ac:chgData name="Matias Vázquez Piñón" userId="2f86a967-3c9c-4a39-b538-7e6c0574d83d" providerId="ADAL" clId="{8BBDCB0A-FAE8-4C81-BE5E-0ECAE5B97C1D}" dt="2022-08-26T15:07:43.266" v="1128"/>
          <ac:spMkLst>
            <pc:docMk/>
            <pc:sldMk cId="1738378546" sldId="287"/>
            <ac:spMk id="35" creationId="{917319A4-D6E5-5B4A-DA13-E298666400F1}"/>
          </ac:spMkLst>
        </pc:spChg>
        <pc:spChg chg="mod">
          <ac:chgData name="Matias Vázquez Piñón" userId="2f86a967-3c9c-4a39-b538-7e6c0574d83d" providerId="ADAL" clId="{8BBDCB0A-FAE8-4C81-BE5E-0ECAE5B97C1D}" dt="2022-08-26T15:07:43.266" v="1128"/>
          <ac:spMkLst>
            <pc:docMk/>
            <pc:sldMk cId="1738378546" sldId="287"/>
            <ac:spMk id="36" creationId="{17EA9109-436E-C908-79D4-04A0D6B017FC}"/>
          </ac:spMkLst>
        </pc:spChg>
        <pc:spChg chg="mod">
          <ac:chgData name="Matias Vázquez Piñón" userId="2f86a967-3c9c-4a39-b538-7e6c0574d83d" providerId="ADAL" clId="{8BBDCB0A-FAE8-4C81-BE5E-0ECAE5B97C1D}" dt="2022-08-26T15:07:43.266" v="1128"/>
          <ac:spMkLst>
            <pc:docMk/>
            <pc:sldMk cId="1738378546" sldId="287"/>
            <ac:spMk id="37" creationId="{A347DB21-439C-FC08-04EC-BC84B3409839}"/>
          </ac:spMkLst>
        </pc:spChg>
        <pc:spChg chg="mod">
          <ac:chgData name="Matias Vázquez Piñón" userId="2f86a967-3c9c-4a39-b538-7e6c0574d83d" providerId="ADAL" clId="{8BBDCB0A-FAE8-4C81-BE5E-0ECAE5B97C1D}" dt="2022-08-26T15:07:43.266" v="1128"/>
          <ac:spMkLst>
            <pc:docMk/>
            <pc:sldMk cId="1738378546" sldId="287"/>
            <ac:spMk id="38" creationId="{30F42C63-8632-2B00-4485-49456FB35268}"/>
          </ac:spMkLst>
        </pc:spChg>
        <pc:spChg chg="mod">
          <ac:chgData name="Matias Vázquez Piñón" userId="2f86a967-3c9c-4a39-b538-7e6c0574d83d" providerId="ADAL" clId="{8BBDCB0A-FAE8-4C81-BE5E-0ECAE5B97C1D}" dt="2022-08-26T15:07:43.266" v="1128"/>
          <ac:spMkLst>
            <pc:docMk/>
            <pc:sldMk cId="1738378546" sldId="287"/>
            <ac:spMk id="39" creationId="{8776235C-814C-456F-30E8-3FA306DC73B8}"/>
          </ac:spMkLst>
        </pc:spChg>
        <pc:spChg chg="mod">
          <ac:chgData name="Matias Vázquez Piñón" userId="2f86a967-3c9c-4a39-b538-7e6c0574d83d" providerId="ADAL" clId="{8BBDCB0A-FAE8-4C81-BE5E-0ECAE5B97C1D}" dt="2022-08-26T15:07:43.266" v="1128"/>
          <ac:spMkLst>
            <pc:docMk/>
            <pc:sldMk cId="1738378546" sldId="287"/>
            <ac:spMk id="40" creationId="{6DB384F1-B7B7-2BFB-A8CE-AE67569E6F1A}"/>
          </ac:spMkLst>
        </pc:spChg>
        <pc:spChg chg="mod">
          <ac:chgData name="Matias Vázquez Piñón" userId="2f86a967-3c9c-4a39-b538-7e6c0574d83d" providerId="ADAL" clId="{8BBDCB0A-FAE8-4C81-BE5E-0ECAE5B97C1D}" dt="2022-08-26T15:07:43.266" v="1128"/>
          <ac:spMkLst>
            <pc:docMk/>
            <pc:sldMk cId="1738378546" sldId="287"/>
            <ac:spMk id="41" creationId="{C87B8834-BCE9-E12F-4E79-7F146FC84FF5}"/>
          </ac:spMkLst>
        </pc:spChg>
        <pc:spChg chg="mod">
          <ac:chgData name="Matias Vázquez Piñón" userId="2f86a967-3c9c-4a39-b538-7e6c0574d83d" providerId="ADAL" clId="{8BBDCB0A-FAE8-4C81-BE5E-0ECAE5B97C1D}" dt="2022-08-26T15:07:43.266" v="1128"/>
          <ac:spMkLst>
            <pc:docMk/>
            <pc:sldMk cId="1738378546" sldId="287"/>
            <ac:spMk id="42" creationId="{22BECCB3-E1BB-E88C-D682-48B0D43F7307}"/>
          </ac:spMkLst>
        </pc:spChg>
        <pc:spChg chg="mod">
          <ac:chgData name="Matias Vázquez Piñón" userId="2f86a967-3c9c-4a39-b538-7e6c0574d83d" providerId="ADAL" clId="{8BBDCB0A-FAE8-4C81-BE5E-0ECAE5B97C1D}" dt="2022-08-26T15:07:43.266" v="1128"/>
          <ac:spMkLst>
            <pc:docMk/>
            <pc:sldMk cId="1738378546" sldId="287"/>
            <ac:spMk id="43" creationId="{E8FC2A82-84EF-ECB1-330F-65A7AA80C837}"/>
          </ac:spMkLst>
        </pc:spChg>
        <pc:spChg chg="mod">
          <ac:chgData name="Matias Vázquez Piñón" userId="2f86a967-3c9c-4a39-b538-7e6c0574d83d" providerId="ADAL" clId="{8BBDCB0A-FAE8-4C81-BE5E-0ECAE5B97C1D}" dt="2022-08-26T15:07:54.168" v="1130"/>
          <ac:spMkLst>
            <pc:docMk/>
            <pc:sldMk cId="1738378546" sldId="287"/>
            <ac:spMk id="45" creationId="{87AF11A0-DF3D-6818-EC3E-2D9A1729FD9B}"/>
          </ac:spMkLst>
        </pc:spChg>
        <pc:spChg chg="mod">
          <ac:chgData name="Matias Vázquez Piñón" userId="2f86a967-3c9c-4a39-b538-7e6c0574d83d" providerId="ADAL" clId="{8BBDCB0A-FAE8-4C81-BE5E-0ECAE5B97C1D}" dt="2022-08-26T15:07:54.168" v="1130"/>
          <ac:spMkLst>
            <pc:docMk/>
            <pc:sldMk cId="1738378546" sldId="287"/>
            <ac:spMk id="46" creationId="{F90E0D8D-0291-78EA-A18B-D733129A3092}"/>
          </ac:spMkLst>
        </pc:spChg>
        <pc:spChg chg="mod">
          <ac:chgData name="Matias Vázquez Piñón" userId="2f86a967-3c9c-4a39-b538-7e6c0574d83d" providerId="ADAL" clId="{8BBDCB0A-FAE8-4C81-BE5E-0ECAE5B97C1D}" dt="2022-08-26T15:07:54.168" v="1130"/>
          <ac:spMkLst>
            <pc:docMk/>
            <pc:sldMk cId="1738378546" sldId="287"/>
            <ac:spMk id="47" creationId="{CF0F343B-5490-E1A4-F783-141DCCE4B653}"/>
          </ac:spMkLst>
        </pc:spChg>
        <pc:spChg chg="mod">
          <ac:chgData name="Matias Vázquez Piñón" userId="2f86a967-3c9c-4a39-b538-7e6c0574d83d" providerId="ADAL" clId="{8BBDCB0A-FAE8-4C81-BE5E-0ECAE5B97C1D}" dt="2022-08-26T15:07:54.168" v="1130"/>
          <ac:spMkLst>
            <pc:docMk/>
            <pc:sldMk cId="1738378546" sldId="287"/>
            <ac:spMk id="48" creationId="{39447671-7ABA-4977-1043-31981EDCAC4C}"/>
          </ac:spMkLst>
        </pc:spChg>
        <pc:spChg chg="mod">
          <ac:chgData name="Matias Vázquez Piñón" userId="2f86a967-3c9c-4a39-b538-7e6c0574d83d" providerId="ADAL" clId="{8BBDCB0A-FAE8-4C81-BE5E-0ECAE5B97C1D}" dt="2022-08-26T15:07:54.168" v="1130"/>
          <ac:spMkLst>
            <pc:docMk/>
            <pc:sldMk cId="1738378546" sldId="287"/>
            <ac:spMk id="49" creationId="{F0D3D733-F300-282D-6A91-C3C4AC5A7641}"/>
          </ac:spMkLst>
        </pc:spChg>
        <pc:spChg chg="mod">
          <ac:chgData name="Matias Vázquez Piñón" userId="2f86a967-3c9c-4a39-b538-7e6c0574d83d" providerId="ADAL" clId="{8BBDCB0A-FAE8-4C81-BE5E-0ECAE5B97C1D}" dt="2022-08-26T15:07:54.168" v="1130"/>
          <ac:spMkLst>
            <pc:docMk/>
            <pc:sldMk cId="1738378546" sldId="287"/>
            <ac:spMk id="50" creationId="{203FA42B-219C-8F6C-2DDA-59749D69EE85}"/>
          </ac:spMkLst>
        </pc:spChg>
        <pc:spChg chg="mod">
          <ac:chgData name="Matias Vázquez Piñón" userId="2f86a967-3c9c-4a39-b538-7e6c0574d83d" providerId="ADAL" clId="{8BBDCB0A-FAE8-4C81-BE5E-0ECAE5B97C1D}" dt="2022-08-26T15:07:54.168" v="1130"/>
          <ac:spMkLst>
            <pc:docMk/>
            <pc:sldMk cId="1738378546" sldId="287"/>
            <ac:spMk id="51" creationId="{1C695ECF-6A25-4564-3AD2-E9BF8C279888}"/>
          </ac:spMkLst>
        </pc:spChg>
        <pc:spChg chg="mod">
          <ac:chgData name="Matias Vázquez Piñón" userId="2f86a967-3c9c-4a39-b538-7e6c0574d83d" providerId="ADAL" clId="{8BBDCB0A-FAE8-4C81-BE5E-0ECAE5B97C1D}" dt="2022-08-26T15:07:54.168" v="1130"/>
          <ac:spMkLst>
            <pc:docMk/>
            <pc:sldMk cId="1738378546" sldId="287"/>
            <ac:spMk id="52" creationId="{C2ED863C-BBB4-EC2F-BCBA-A86866D17C1A}"/>
          </ac:spMkLst>
        </pc:spChg>
        <pc:spChg chg="mod">
          <ac:chgData name="Matias Vázquez Piñón" userId="2f86a967-3c9c-4a39-b538-7e6c0574d83d" providerId="ADAL" clId="{8BBDCB0A-FAE8-4C81-BE5E-0ECAE5B97C1D}" dt="2022-08-26T15:07:54.168" v="1130"/>
          <ac:spMkLst>
            <pc:docMk/>
            <pc:sldMk cId="1738378546" sldId="287"/>
            <ac:spMk id="53" creationId="{0240E4A8-88B4-6CD4-BB8D-90D8E2135F50}"/>
          </ac:spMkLst>
        </pc:spChg>
        <pc:spChg chg="mod">
          <ac:chgData name="Matias Vázquez Piñón" userId="2f86a967-3c9c-4a39-b538-7e6c0574d83d" providerId="ADAL" clId="{8BBDCB0A-FAE8-4C81-BE5E-0ECAE5B97C1D}" dt="2022-08-26T15:07:54.168" v="1130"/>
          <ac:spMkLst>
            <pc:docMk/>
            <pc:sldMk cId="1738378546" sldId="287"/>
            <ac:spMk id="54" creationId="{3DAF6290-C632-F969-1AA9-3A808B7771D0}"/>
          </ac:spMkLst>
        </pc:spChg>
        <pc:spChg chg="mod">
          <ac:chgData name="Matias Vázquez Piñón" userId="2f86a967-3c9c-4a39-b538-7e6c0574d83d" providerId="ADAL" clId="{8BBDCB0A-FAE8-4C81-BE5E-0ECAE5B97C1D}" dt="2022-08-26T15:07:54.168" v="1130"/>
          <ac:spMkLst>
            <pc:docMk/>
            <pc:sldMk cId="1738378546" sldId="287"/>
            <ac:spMk id="55" creationId="{E0229488-B93C-8632-BB18-5CA343A41DCD}"/>
          </ac:spMkLst>
        </pc:spChg>
        <pc:spChg chg="mod">
          <ac:chgData name="Matias Vázquez Piñón" userId="2f86a967-3c9c-4a39-b538-7e6c0574d83d" providerId="ADAL" clId="{8BBDCB0A-FAE8-4C81-BE5E-0ECAE5B97C1D}" dt="2022-08-26T15:07:54.168" v="1130"/>
          <ac:spMkLst>
            <pc:docMk/>
            <pc:sldMk cId="1738378546" sldId="287"/>
            <ac:spMk id="56" creationId="{1D27F324-4C62-AD74-D6E9-084F3B462156}"/>
          </ac:spMkLst>
        </pc:spChg>
        <pc:spChg chg="mod">
          <ac:chgData name="Matias Vázquez Piñón" userId="2f86a967-3c9c-4a39-b538-7e6c0574d83d" providerId="ADAL" clId="{8BBDCB0A-FAE8-4C81-BE5E-0ECAE5B97C1D}" dt="2022-08-26T15:07:54.168" v="1130"/>
          <ac:spMkLst>
            <pc:docMk/>
            <pc:sldMk cId="1738378546" sldId="287"/>
            <ac:spMk id="57" creationId="{8B1D0746-2D09-A005-FD96-3A7D965FEBF8}"/>
          </ac:spMkLst>
        </pc:spChg>
        <pc:spChg chg="mod">
          <ac:chgData name="Matias Vázquez Piñón" userId="2f86a967-3c9c-4a39-b538-7e6c0574d83d" providerId="ADAL" clId="{8BBDCB0A-FAE8-4C81-BE5E-0ECAE5B97C1D}" dt="2022-08-26T15:07:54.168" v="1130"/>
          <ac:spMkLst>
            <pc:docMk/>
            <pc:sldMk cId="1738378546" sldId="287"/>
            <ac:spMk id="58" creationId="{5CD63D4F-6F14-7F92-B1A6-2CE71E50938E}"/>
          </ac:spMkLst>
        </pc:spChg>
        <pc:spChg chg="mod">
          <ac:chgData name="Matias Vázquez Piñón" userId="2f86a967-3c9c-4a39-b538-7e6c0574d83d" providerId="ADAL" clId="{8BBDCB0A-FAE8-4C81-BE5E-0ECAE5B97C1D}" dt="2022-08-26T15:07:54.168" v="1130"/>
          <ac:spMkLst>
            <pc:docMk/>
            <pc:sldMk cId="1738378546" sldId="287"/>
            <ac:spMk id="59" creationId="{F08AF499-7937-5CB0-F7F3-F5723158AA21}"/>
          </ac:spMkLst>
        </pc:spChg>
        <pc:spChg chg="mod">
          <ac:chgData name="Matias Vázquez Piñón" userId="2f86a967-3c9c-4a39-b538-7e6c0574d83d" providerId="ADAL" clId="{8BBDCB0A-FAE8-4C81-BE5E-0ECAE5B97C1D}" dt="2022-08-26T15:07:54.168" v="1130"/>
          <ac:spMkLst>
            <pc:docMk/>
            <pc:sldMk cId="1738378546" sldId="287"/>
            <ac:spMk id="60" creationId="{D42222DC-5982-0450-3688-CEDE0E417B73}"/>
          </ac:spMkLst>
        </pc:spChg>
        <pc:spChg chg="mod">
          <ac:chgData name="Matias Vázquez Piñón" userId="2f86a967-3c9c-4a39-b538-7e6c0574d83d" providerId="ADAL" clId="{8BBDCB0A-FAE8-4C81-BE5E-0ECAE5B97C1D}" dt="2022-08-26T15:07:54.168" v="1130"/>
          <ac:spMkLst>
            <pc:docMk/>
            <pc:sldMk cId="1738378546" sldId="287"/>
            <ac:spMk id="61" creationId="{9794E5C5-E27B-535A-E7C6-E4DDA951596A}"/>
          </ac:spMkLst>
        </pc:spChg>
        <pc:spChg chg="mod">
          <ac:chgData name="Matias Vázquez Piñón" userId="2f86a967-3c9c-4a39-b538-7e6c0574d83d" providerId="ADAL" clId="{8BBDCB0A-FAE8-4C81-BE5E-0ECAE5B97C1D}" dt="2022-08-26T15:07:54.168" v="1130"/>
          <ac:spMkLst>
            <pc:docMk/>
            <pc:sldMk cId="1738378546" sldId="287"/>
            <ac:spMk id="62" creationId="{4F9D66BF-4F2B-CE46-A7B5-EB94F6500ED3}"/>
          </ac:spMkLst>
        </pc:spChg>
        <pc:spChg chg="mod">
          <ac:chgData name="Matias Vázquez Piñón" userId="2f86a967-3c9c-4a39-b538-7e6c0574d83d" providerId="ADAL" clId="{8BBDCB0A-FAE8-4C81-BE5E-0ECAE5B97C1D}" dt="2022-08-26T15:07:54.168" v="1130"/>
          <ac:spMkLst>
            <pc:docMk/>
            <pc:sldMk cId="1738378546" sldId="287"/>
            <ac:spMk id="63" creationId="{5FA1C21A-DFD3-1179-89E1-32A47D6B4476}"/>
          </ac:spMkLst>
        </pc:spChg>
        <pc:spChg chg="mod">
          <ac:chgData name="Matias Vázquez Piñón" userId="2f86a967-3c9c-4a39-b538-7e6c0574d83d" providerId="ADAL" clId="{8BBDCB0A-FAE8-4C81-BE5E-0ECAE5B97C1D}" dt="2022-08-26T15:07:54.168" v="1130"/>
          <ac:spMkLst>
            <pc:docMk/>
            <pc:sldMk cId="1738378546" sldId="287"/>
            <ac:spMk id="64" creationId="{A2688190-A976-818F-BAD2-96330CB03723}"/>
          </ac:spMkLst>
        </pc:spChg>
        <pc:spChg chg="mod">
          <ac:chgData name="Matias Vázquez Piñón" userId="2f86a967-3c9c-4a39-b538-7e6c0574d83d" providerId="ADAL" clId="{8BBDCB0A-FAE8-4C81-BE5E-0ECAE5B97C1D}" dt="2022-08-26T15:07:54.168" v="1130"/>
          <ac:spMkLst>
            <pc:docMk/>
            <pc:sldMk cId="1738378546" sldId="287"/>
            <ac:spMk id="65" creationId="{DB60DCBC-E1F3-E216-C0DD-95102D077F33}"/>
          </ac:spMkLst>
        </pc:spChg>
        <pc:spChg chg="mod">
          <ac:chgData name="Matias Vázquez Piñón" userId="2f86a967-3c9c-4a39-b538-7e6c0574d83d" providerId="ADAL" clId="{8BBDCB0A-FAE8-4C81-BE5E-0ECAE5B97C1D}" dt="2022-08-26T15:07:54.168" v="1130"/>
          <ac:spMkLst>
            <pc:docMk/>
            <pc:sldMk cId="1738378546" sldId="287"/>
            <ac:spMk id="66" creationId="{74EB9E55-30F0-D4DB-1B7E-0211CE43EB70}"/>
          </ac:spMkLst>
        </pc:spChg>
        <pc:spChg chg="mod">
          <ac:chgData name="Matias Vázquez Piñón" userId="2f86a967-3c9c-4a39-b538-7e6c0574d83d" providerId="ADAL" clId="{8BBDCB0A-FAE8-4C81-BE5E-0ECAE5B97C1D}" dt="2022-08-26T15:07:54.168" v="1130"/>
          <ac:spMkLst>
            <pc:docMk/>
            <pc:sldMk cId="1738378546" sldId="287"/>
            <ac:spMk id="67" creationId="{EC3E84C2-07CC-09EC-75D5-D8CAADC8B67D}"/>
          </ac:spMkLst>
        </pc:spChg>
        <pc:spChg chg="mod">
          <ac:chgData name="Matias Vázquez Piñón" userId="2f86a967-3c9c-4a39-b538-7e6c0574d83d" providerId="ADAL" clId="{8BBDCB0A-FAE8-4C81-BE5E-0ECAE5B97C1D}" dt="2022-08-26T15:07:54.168" v="1130"/>
          <ac:spMkLst>
            <pc:docMk/>
            <pc:sldMk cId="1738378546" sldId="287"/>
            <ac:spMk id="68" creationId="{FF9F061F-781F-34B3-6A58-BC4BC0020ED3}"/>
          </ac:spMkLst>
        </pc:spChg>
        <pc:spChg chg="mod">
          <ac:chgData name="Matias Vázquez Piñón" userId="2f86a967-3c9c-4a39-b538-7e6c0574d83d" providerId="ADAL" clId="{8BBDCB0A-FAE8-4C81-BE5E-0ECAE5B97C1D}" dt="2022-08-26T15:07:54.168" v="1130"/>
          <ac:spMkLst>
            <pc:docMk/>
            <pc:sldMk cId="1738378546" sldId="287"/>
            <ac:spMk id="69" creationId="{13D6D7DA-8B0F-C223-16D1-F26871E92F42}"/>
          </ac:spMkLst>
        </pc:spChg>
        <pc:spChg chg="mod">
          <ac:chgData name="Matias Vázquez Piñón" userId="2f86a967-3c9c-4a39-b538-7e6c0574d83d" providerId="ADAL" clId="{8BBDCB0A-FAE8-4C81-BE5E-0ECAE5B97C1D}" dt="2022-08-26T15:07:54.168" v="1130"/>
          <ac:spMkLst>
            <pc:docMk/>
            <pc:sldMk cId="1738378546" sldId="287"/>
            <ac:spMk id="70" creationId="{3169BAC2-EB55-5202-E411-31D62DBC787E}"/>
          </ac:spMkLst>
        </pc:spChg>
        <pc:spChg chg="mod">
          <ac:chgData name="Matias Vázquez Piñón" userId="2f86a967-3c9c-4a39-b538-7e6c0574d83d" providerId="ADAL" clId="{8BBDCB0A-FAE8-4C81-BE5E-0ECAE5B97C1D}" dt="2022-08-26T15:07:54.168" v="1130"/>
          <ac:spMkLst>
            <pc:docMk/>
            <pc:sldMk cId="1738378546" sldId="287"/>
            <ac:spMk id="71" creationId="{D8E63844-77ED-F78D-4159-E0FB22D9B333}"/>
          </ac:spMkLst>
        </pc:spChg>
        <pc:spChg chg="mod">
          <ac:chgData name="Matias Vázquez Piñón" userId="2f86a967-3c9c-4a39-b538-7e6c0574d83d" providerId="ADAL" clId="{8BBDCB0A-FAE8-4C81-BE5E-0ECAE5B97C1D}" dt="2022-08-26T15:07:54.168" v="1130"/>
          <ac:spMkLst>
            <pc:docMk/>
            <pc:sldMk cId="1738378546" sldId="287"/>
            <ac:spMk id="72" creationId="{5E38018F-026E-350B-D2E3-1AF1C52E5E1C}"/>
          </ac:spMkLst>
        </pc:spChg>
        <pc:spChg chg="mod">
          <ac:chgData name="Matias Vázquez Piñón" userId="2f86a967-3c9c-4a39-b538-7e6c0574d83d" providerId="ADAL" clId="{8BBDCB0A-FAE8-4C81-BE5E-0ECAE5B97C1D}" dt="2022-08-26T15:07:54.168" v="1130"/>
          <ac:spMkLst>
            <pc:docMk/>
            <pc:sldMk cId="1738378546" sldId="287"/>
            <ac:spMk id="73" creationId="{EF833357-EBBA-0258-DF18-BACA72150C1F}"/>
          </ac:spMkLst>
        </pc:spChg>
        <pc:spChg chg="mod">
          <ac:chgData name="Matias Vázquez Piñón" userId="2f86a967-3c9c-4a39-b538-7e6c0574d83d" providerId="ADAL" clId="{8BBDCB0A-FAE8-4C81-BE5E-0ECAE5B97C1D}" dt="2022-08-26T15:07:54.168" v="1130"/>
          <ac:spMkLst>
            <pc:docMk/>
            <pc:sldMk cId="1738378546" sldId="287"/>
            <ac:spMk id="74" creationId="{2B44C331-394F-B1E6-B557-EB36BC2BB169}"/>
          </ac:spMkLst>
        </pc:spChg>
        <pc:spChg chg="mod">
          <ac:chgData name="Matias Vázquez Piñón" userId="2f86a967-3c9c-4a39-b538-7e6c0574d83d" providerId="ADAL" clId="{8BBDCB0A-FAE8-4C81-BE5E-0ECAE5B97C1D}" dt="2022-08-26T15:07:54.168" v="1130"/>
          <ac:spMkLst>
            <pc:docMk/>
            <pc:sldMk cId="1738378546" sldId="287"/>
            <ac:spMk id="75" creationId="{5464136E-86CB-2D10-9ECB-F8AE3DB48114}"/>
          </ac:spMkLst>
        </pc:spChg>
        <pc:spChg chg="mod">
          <ac:chgData name="Matias Vázquez Piñón" userId="2f86a967-3c9c-4a39-b538-7e6c0574d83d" providerId="ADAL" clId="{8BBDCB0A-FAE8-4C81-BE5E-0ECAE5B97C1D}" dt="2022-08-26T15:07:54.168" v="1130"/>
          <ac:spMkLst>
            <pc:docMk/>
            <pc:sldMk cId="1738378546" sldId="287"/>
            <ac:spMk id="76" creationId="{3530C79E-E1E4-1AA3-8723-7FFE3606EA94}"/>
          </ac:spMkLst>
        </pc:spChg>
        <pc:spChg chg="mod">
          <ac:chgData name="Matias Vázquez Piñón" userId="2f86a967-3c9c-4a39-b538-7e6c0574d83d" providerId="ADAL" clId="{8BBDCB0A-FAE8-4C81-BE5E-0ECAE5B97C1D}" dt="2022-08-26T15:07:54.168" v="1130"/>
          <ac:spMkLst>
            <pc:docMk/>
            <pc:sldMk cId="1738378546" sldId="287"/>
            <ac:spMk id="77" creationId="{7AA43A7A-2C8E-8A5E-89FC-350D38AEAE78}"/>
          </ac:spMkLst>
        </pc:spChg>
        <pc:spChg chg="mod">
          <ac:chgData name="Matias Vázquez Piñón" userId="2f86a967-3c9c-4a39-b538-7e6c0574d83d" providerId="ADAL" clId="{8BBDCB0A-FAE8-4C81-BE5E-0ECAE5B97C1D}" dt="2022-08-26T15:07:54.168" v="1130"/>
          <ac:spMkLst>
            <pc:docMk/>
            <pc:sldMk cId="1738378546" sldId="287"/>
            <ac:spMk id="78" creationId="{7F1C67B5-7B3A-F334-2D4D-49045E59D8CA}"/>
          </ac:spMkLst>
        </pc:spChg>
        <pc:spChg chg="mod">
          <ac:chgData name="Matias Vázquez Piñón" userId="2f86a967-3c9c-4a39-b538-7e6c0574d83d" providerId="ADAL" clId="{8BBDCB0A-FAE8-4C81-BE5E-0ECAE5B97C1D}" dt="2022-08-26T15:07:54.168" v="1130"/>
          <ac:spMkLst>
            <pc:docMk/>
            <pc:sldMk cId="1738378546" sldId="287"/>
            <ac:spMk id="79" creationId="{5799F6F2-B4B0-CB3C-65AD-8718D084453A}"/>
          </ac:spMkLst>
        </pc:spChg>
        <pc:spChg chg="mod">
          <ac:chgData name="Matias Vázquez Piñón" userId="2f86a967-3c9c-4a39-b538-7e6c0574d83d" providerId="ADAL" clId="{8BBDCB0A-FAE8-4C81-BE5E-0ECAE5B97C1D}" dt="2022-08-26T15:07:54.168" v="1130"/>
          <ac:spMkLst>
            <pc:docMk/>
            <pc:sldMk cId="1738378546" sldId="287"/>
            <ac:spMk id="80" creationId="{2DE84B81-D12A-91BF-4F13-D5043674DCA7}"/>
          </ac:spMkLst>
        </pc:spChg>
        <pc:spChg chg="mod">
          <ac:chgData name="Matias Vázquez Piñón" userId="2f86a967-3c9c-4a39-b538-7e6c0574d83d" providerId="ADAL" clId="{8BBDCB0A-FAE8-4C81-BE5E-0ECAE5B97C1D}" dt="2022-08-26T15:07:54.168" v="1130"/>
          <ac:spMkLst>
            <pc:docMk/>
            <pc:sldMk cId="1738378546" sldId="287"/>
            <ac:spMk id="81" creationId="{32310CD1-1732-778C-AED3-741B4FFE4A70}"/>
          </ac:spMkLst>
        </pc:spChg>
        <pc:spChg chg="mod">
          <ac:chgData name="Matias Vázquez Piñón" userId="2f86a967-3c9c-4a39-b538-7e6c0574d83d" providerId="ADAL" clId="{8BBDCB0A-FAE8-4C81-BE5E-0ECAE5B97C1D}" dt="2022-08-26T15:09:24.924" v="1194" actId="404"/>
          <ac:spMkLst>
            <pc:docMk/>
            <pc:sldMk cId="1738378546" sldId="287"/>
            <ac:spMk id="83" creationId="{DC530E3B-0137-E732-CF27-2552C7F05C63}"/>
          </ac:spMkLst>
        </pc:spChg>
        <pc:spChg chg="mod">
          <ac:chgData name="Matias Vázquez Piñón" userId="2f86a967-3c9c-4a39-b538-7e6c0574d83d" providerId="ADAL" clId="{8BBDCB0A-FAE8-4C81-BE5E-0ECAE5B97C1D}" dt="2022-08-26T15:09:24.924" v="1194" actId="404"/>
          <ac:spMkLst>
            <pc:docMk/>
            <pc:sldMk cId="1738378546" sldId="287"/>
            <ac:spMk id="84" creationId="{6B99A246-B68E-8597-B84A-7E3956948D98}"/>
          </ac:spMkLst>
        </pc:spChg>
        <pc:spChg chg="mod">
          <ac:chgData name="Matias Vázquez Piñón" userId="2f86a967-3c9c-4a39-b538-7e6c0574d83d" providerId="ADAL" clId="{8BBDCB0A-FAE8-4C81-BE5E-0ECAE5B97C1D}" dt="2022-08-26T15:09:24.924" v="1194" actId="404"/>
          <ac:spMkLst>
            <pc:docMk/>
            <pc:sldMk cId="1738378546" sldId="287"/>
            <ac:spMk id="85" creationId="{3AF25405-7DC9-C5B1-95DA-59F00C147A87}"/>
          </ac:spMkLst>
        </pc:spChg>
        <pc:spChg chg="mod">
          <ac:chgData name="Matias Vázquez Piñón" userId="2f86a967-3c9c-4a39-b538-7e6c0574d83d" providerId="ADAL" clId="{8BBDCB0A-FAE8-4C81-BE5E-0ECAE5B97C1D}" dt="2022-08-26T15:09:24.924" v="1194" actId="404"/>
          <ac:spMkLst>
            <pc:docMk/>
            <pc:sldMk cId="1738378546" sldId="287"/>
            <ac:spMk id="86" creationId="{472D3B55-D6DB-3C94-E321-A5F53184D90D}"/>
          </ac:spMkLst>
        </pc:spChg>
        <pc:spChg chg="mod">
          <ac:chgData name="Matias Vázquez Piñón" userId="2f86a967-3c9c-4a39-b538-7e6c0574d83d" providerId="ADAL" clId="{8BBDCB0A-FAE8-4C81-BE5E-0ECAE5B97C1D}" dt="2022-08-26T15:09:24.924" v="1194" actId="404"/>
          <ac:spMkLst>
            <pc:docMk/>
            <pc:sldMk cId="1738378546" sldId="287"/>
            <ac:spMk id="87" creationId="{21EE84BB-9A90-7530-5012-A044B0EF1D4C}"/>
          </ac:spMkLst>
        </pc:spChg>
        <pc:spChg chg="mod">
          <ac:chgData name="Matias Vázquez Piñón" userId="2f86a967-3c9c-4a39-b538-7e6c0574d83d" providerId="ADAL" clId="{8BBDCB0A-FAE8-4C81-BE5E-0ECAE5B97C1D}" dt="2022-08-26T15:09:24.924" v="1194" actId="404"/>
          <ac:spMkLst>
            <pc:docMk/>
            <pc:sldMk cId="1738378546" sldId="287"/>
            <ac:spMk id="88" creationId="{F8C51BE8-6F2D-4EFE-D5D7-2BCA9787FC6F}"/>
          </ac:spMkLst>
        </pc:spChg>
        <pc:spChg chg="mod">
          <ac:chgData name="Matias Vázquez Piñón" userId="2f86a967-3c9c-4a39-b538-7e6c0574d83d" providerId="ADAL" clId="{8BBDCB0A-FAE8-4C81-BE5E-0ECAE5B97C1D}" dt="2022-08-26T15:09:24.924" v="1194" actId="404"/>
          <ac:spMkLst>
            <pc:docMk/>
            <pc:sldMk cId="1738378546" sldId="287"/>
            <ac:spMk id="89" creationId="{B1F9A856-94AB-B7F0-13FF-81A8D7BC59D4}"/>
          </ac:spMkLst>
        </pc:spChg>
        <pc:spChg chg="mod">
          <ac:chgData name="Matias Vázquez Piñón" userId="2f86a967-3c9c-4a39-b538-7e6c0574d83d" providerId="ADAL" clId="{8BBDCB0A-FAE8-4C81-BE5E-0ECAE5B97C1D}" dt="2022-08-26T15:09:24.924" v="1194" actId="404"/>
          <ac:spMkLst>
            <pc:docMk/>
            <pc:sldMk cId="1738378546" sldId="287"/>
            <ac:spMk id="90" creationId="{D4A9E6D6-457B-F403-4DD2-7A8120361456}"/>
          </ac:spMkLst>
        </pc:spChg>
        <pc:spChg chg="mod">
          <ac:chgData name="Matias Vázquez Piñón" userId="2f86a967-3c9c-4a39-b538-7e6c0574d83d" providerId="ADAL" clId="{8BBDCB0A-FAE8-4C81-BE5E-0ECAE5B97C1D}" dt="2022-08-26T15:09:24.924" v="1194" actId="404"/>
          <ac:spMkLst>
            <pc:docMk/>
            <pc:sldMk cId="1738378546" sldId="287"/>
            <ac:spMk id="91" creationId="{4807CE7F-FDF6-7302-34D1-87FCDD908BFE}"/>
          </ac:spMkLst>
        </pc:spChg>
        <pc:spChg chg="mod">
          <ac:chgData name="Matias Vázquez Piñón" userId="2f86a967-3c9c-4a39-b538-7e6c0574d83d" providerId="ADAL" clId="{8BBDCB0A-FAE8-4C81-BE5E-0ECAE5B97C1D}" dt="2022-08-26T15:09:24.924" v="1194" actId="404"/>
          <ac:spMkLst>
            <pc:docMk/>
            <pc:sldMk cId="1738378546" sldId="287"/>
            <ac:spMk id="92" creationId="{D85B2FBA-8EAB-5AF8-FB2D-D0D356FC53FC}"/>
          </ac:spMkLst>
        </pc:spChg>
        <pc:spChg chg="mod">
          <ac:chgData name="Matias Vázquez Piñón" userId="2f86a967-3c9c-4a39-b538-7e6c0574d83d" providerId="ADAL" clId="{8BBDCB0A-FAE8-4C81-BE5E-0ECAE5B97C1D}" dt="2022-08-26T15:09:24.924" v="1194" actId="404"/>
          <ac:spMkLst>
            <pc:docMk/>
            <pc:sldMk cId="1738378546" sldId="287"/>
            <ac:spMk id="93" creationId="{06119760-B930-0D5A-8865-1A241CA2666A}"/>
          </ac:spMkLst>
        </pc:spChg>
        <pc:spChg chg="mod">
          <ac:chgData name="Matias Vázquez Piñón" userId="2f86a967-3c9c-4a39-b538-7e6c0574d83d" providerId="ADAL" clId="{8BBDCB0A-FAE8-4C81-BE5E-0ECAE5B97C1D}" dt="2022-08-26T15:09:24.924" v="1194" actId="404"/>
          <ac:spMkLst>
            <pc:docMk/>
            <pc:sldMk cId="1738378546" sldId="287"/>
            <ac:spMk id="94" creationId="{10FABF07-F9C9-A272-AFBD-174E3D0A48E9}"/>
          </ac:spMkLst>
        </pc:spChg>
        <pc:spChg chg="mod">
          <ac:chgData name="Matias Vázquez Piñón" userId="2f86a967-3c9c-4a39-b538-7e6c0574d83d" providerId="ADAL" clId="{8BBDCB0A-FAE8-4C81-BE5E-0ECAE5B97C1D}" dt="2022-08-26T15:09:24.924" v="1194" actId="404"/>
          <ac:spMkLst>
            <pc:docMk/>
            <pc:sldMk cId="1738378546" sldId="287"/>
            <ac:spMk id="95" creationId="{27EDB512-D41D-82FB-8870-27EF3F857D30}"/>
          </ac:spMkLst>
        </pc:spChg>
        <pc:spChg chg="mod">
          <ac:chgData name="Matias Vázquez Piñón" userId="2f86a967-3c9c-4a39-b538-7e6c0574d83d" providerId="ADAL" clId="{8BBDCB0A-FAE8-4C81-BE5E-0ECAE5B97C1D}" dt="2022-08-26T15:09:24.924" v="1194" actId="404"/>
          <ac:spMkLst>
            <pc:docMk/>
            <pc:sldMk cId="1738378546" sldId="287"/>
            <ac:spMk id="96" creationId="{93508308-1F71-7F43-BD28-CE08C0378D73}"/>
          </ac:spMkLst>
        </pc:spChg>
        <pc:spChg chg="mod">
          <ac:chgData name="Matias Vázquez Piñón" userId="2f86a967-3c9c-4a39-b538-7e6c0574d83d" providerId="ADAL" clId="{8BBDCB0A-FAE8-4C81-BE5E-0ECAE5B97C1D}" dt="2022-08-26T15:09:24.924" v="1194" actId="404"/>
          <ac:spMkLst>
            <pc:docMk/>
            <pc:sldMk cId="1738378546" sldId="287"/>
            <ac:spMk id="97" creationId="{559AF44E-8482-5A9A-BD04-356CAB2DE3E3}"/>
          </ac:spMkLst>
        </pc:spChg>
        <pc:spChg chg="mod">
          <ac:chgData name="Matias Vázquez Piñón" userId="2f86a967-3c9c-4a39-b538-7e6c0574d83d" providerId="ADAL" clId="{8BBDCB0A-FAE8-4C81-BE5E-0ECAE5B97C1D}" dt="2022-08-26T15:09:24.924" v="1194" actId="404"/>
          <ac:spMkLst>
            <pc:docMk/>
            <pc:sldMk cId="1738378546" sldId="287"/>
            <ac:spMk id="98" creationId="{90907374-9861-4FA6-055E-B5A9B76D204C}"/>
          </ac:spMkLst>
        </pc:spChg>
        <pc:spChg chg="mod">
          <ac:chgData name="Matias Vázquez Piñón" userId="2f86a967-3c9c-4a39-b538-7e6c0574d83d" providerId="ADAL" clId="{8BBDCB0A-FAE8-4C81-BE5E-0ECAE5B97C1D}" dt="2022-08-26T15:09:24.924" v="1194" actId="404"/>
          <ac:spMkLst>
            <pc:docMk/>
            <pc:sldMk cId="1738378546" sldId="287"/>
            <ac:spMk id="99" creationId="{1241E8B0-BCC9-C546-94D9-358B255A7732}"/>
          </ac:spMkLst>
        </pc:spChg>
        <pc:spChg chg="mod">
          <ac:chgData name="Matias Vázquez Piñón" userId="2f86a967-3c9c-4a39-b538-7e6c0574d83d" providerId="ADAL" clId="{8BBDCB0A-FAE8-4C81-BE5E-0ECAE5B97C1D}" dt="2022-08-26T15:09:24.924" v="1194" actId="404"/>
          <ac:spMkLst>
            <pc:docMk/>
            <pc:sldMk cId="1738378546" sldId="287"/>
            <ac:spMk id="100" creationId="{D7C3AE65-A76D-5BB4-14C0-4309245CC2AD}"/>
          </ac:spMkLst>
        </pc:spChg>
        <pc:spChg chg="mod">
          <ac:chgData name="Matias Vázquez Piñón" userId="2f86a967-3c9c-4a39-b538-7e6c0574d83d" providerId="ADAL" clId="{8BBDCB0A-FAE8-4C81-BE5E-0ECAE5B97C1D}" dt="2022-08-26T15:09:24.924" v="1194" actId="404"/>
          <ac:spMkLst>
            <pc:docMk/>
            <pc:sldMk cId="1738378546" sldId="287"/>
            <ac:spMk id="101" creationId="{5F52E1D3-8938-93F7-C873-D9A107BF0F51}"/>
          </ac:spMkLst>
        </pc:spChg>
        <pc:spChg chg="mod">
          <ac:chgData name="Matias Vázquez Piñón" userId="2f86a967-3c9c-4a39-b538-7e6c0574d83d" providerId="ADAL" clId="{8BBDCB0A-FAE8-4C81-BE5E-0ECAE5B97C1D}" dt="2022-08-26T15:09:48.095" v="1196" actId="404"/>
          <ac:spMkLst>
            <pc:docMk/>
            <pc:sldMk cId="1738378546" sldId="287"/>
            <ac:spMk id="102" creationId="{3C9DC71C-AF63-2EC2-C5ED-362FE1E5E745}"/>
          </ac:spMkLst>
        </pc:spChg>
        <pc:spChg chg="mod">
          <ac:chgData name="Matias Vázquez Piñón" userId="2f86a967-3c9c-4a39-b538-7e6c0574d83d" providerId="ADAL" clId="{8BBDCB0A-FAE8-4C81-BE5E-0ECAE5B97C1D}" dt="2022-08-26T15:09:48.095" v="1196" actId="404"/>
          <ac:spMkLst>
            <pc:docMk/>
            <pc:sldMk cId="1738378546" sldId="287"/>
            <ac:spMk id="103" creationId="{FAF434B1-B656-A48C-E543-7EA9E53B3596}"/>
          </ac:spMkLst>
        </pc:spChg>
        <pc:spChg chg="mod">
          <ac:chgData name="Matias Vázquez Piñón" userId="2f86a967-3c9c-4a39-b538-7e6c0574d83d" providerId="ADAL" clId="{8BBDCB0A-FAE8-4C81-BE5E-0ECAE5B97C1D}" dt="2022-08-26T15:09:48.095" v="1196" actId="404"/>
          <ac:spMkLst>
            <pc:docMk/>
            <pc:sldMk cId="1738378546" sldId="287"/>
            <ac:spMk id="104" creationId="{BB0F4ADE-EBEF-A26B-A27C-C991F717FD6B}"/>
          </ac:spMkLst>
        </pc:spChg>
        <pc:spChg chg="mod">
          <ac:chgData name="Matias Vázquez Piñón" userId="2f86a967-3c9c-4a39-b538-7e6c0574d83d" providerId="ADAL" clId="{8BBDCB0A-FAE8-4C81-BE5E-0ECAE5B97C1D}" dt="2022-08-26T15:09:48.095" v="1196" actId="404"/>
          <ac:spMkLst>
            <pc:docMk/>
            <pc:sldMk cId="1738378546" sldId="287"/>
            <ac:spMk id="105" creationId="{78555C14-027C-7B3B-58CC-70A026215526}"/>
          </ac:spMkLst>
        </pc:spChg>
        <pc:spChg chg="mod">
          <ac:chgData name="Matias Vázquez Piñón" userId="2f86a967-3c9c-4a39-b538-7e6c0574d83d" providerId="ADAL" clId="{8BBDCB0A-FAE8-4C81-BE5E-0ECAE5B97C1D}" dt="2022-08-26T15:09:48.095" v="1196" actId="404"/>
          <ac:spMkLst>
            <pc:docMk/>
            <pc:sldMk cId="1738378546" sldId="287"/>
            <ac:spMk id="106" creationId="{2FA5A07D-A43D-34F4-C81F-8EEC19BB4BEA}"/>
          </ac:spMkLst>
        </pc:spChg>
        <pc:spChg chg="mod">
          <ac:chgData name="Matias Vázquez Piñón" userId="2f86a967-3c9c-4a39-b538-7e6c0574d83d" providerId="ADAL" clId="{8BBDCB0A-FAE8-4C81-BE5E-0ECAE5B97C1D}" dt="2022-08-26T15:09:48.095" v="1196" actId="404"/>
          <ac:spMkLst>
            <pc:docMk/>
            <pc:sldMk cId="1738378546" sldId="287"/>
            <ac:spMk id="107" creationId="{A7A4FC1B-C88E-78AB-B267-3A543532DD32}"/>
          </ac:spMkLst>
        </pc:spChg>
        <pc:spChg chg="mod">
          <ac:chgData name="Matias Vázquez Piñón" userId="2f86a967-3c9c-4a39-b538-7e6c0574d83d" providerId="ADAL" clId="{8BBDCB0A-FAE8-4C81-BE5E-0ECAE5B97C1D}" dt="2022-08-26T15:09:48.095" v="1196" actId="404"/>
          <ac:spMkLst>
            <pc:docMk/>
            <pc:sldMk cId="1738378546" sldId="287"/>
            <ac:spMk id="108" creationId="{42CB23D5-9AF7-82E7-B078-67CE6113CFD2}"/>
          </ac:spMkLst>
        </pc:spChg>
        <pc:spChg chg="mod">
          <ac:chgData name="Matias Vázquez Piñón" userId="2f86a967-3c9c-4a39-b538-7e6c0574d83d" providerId="ADAL" clId="{8BBDCB0A-FAE8-4C81-BE5E-0ECAE5B97C1D}" dt="2022-08-26T15:09:48.095" v="1196" actId="404"/>
          <ac:spMkLst>
            <pc:docMk/>
            <pc:sldMk cId="1738378546" sldId="287"/>
            <ac:spMk id="109" creationId="{E5D7196D-AE31-1C69-14D5-A9B1455E5C65}"/>
          </ac:spMkLst>
        </pc:spChg>
        <pc:spChg chg="mod">
          <ac:chgData name="Matias Vázquez Piñón" userId="2f86a967-3c9c-4a39-b538-7e6c0574d83d" providerId="ADAL" clId="{8BBDCB0A-FAE8-4C81-BE5E-0ECAE5B97C1D}" dt="2022-08-26T15:09:48.095" v="1196" actId="404"/>
          <ac:spMkLst>
            <pc:docMk/>
            <pc:sldMk cId="1738378546" sldId="287"/>
            <ac:spMk id="110" creationId="{108DF43B-06BC-5FC5-7CB1-AE9B8B4798D5}"/>
          </ac:spMkLst>
        </pc:spChg>
        <pc:spChg chg="mod">
          <ac:chgData name="Matias Vázquez Piñón" userId="2f86a967-3c9c-4a39-b538-7e6c0574d83d" providerId="ADAL" clId="{8BBDCB0A-FAE8-4C81-BE5E-0ECAE5B97C1D}" dt="2022-08-26T15:09:48.095" v="1196" actId="404"/>
          <ac:spMkLst>
            <pc:docMk/>
            <pc:sldMk cId="1738378546" sldId="287"/>
            <ac:spMk id="111" creationId="{54D7E5BE-0311-A5FA-7006-7A1D08912854}"/>
          </ac:spMkLst>
        </pc:spChg>
        <pc:spChg chg="mod">
          <ac:chgData name="Matias Vázquez Piñón" userId="2f86a967-3c9c-4a39-b538-7e6c0574d83d" providerId="ADAL" clId="{8BBDCB0A-FAE8-4C81-BE5E-0ECAE5B97C1D}" dt="2022-08-26T15:09:48.095" v="1196" actId="404"/>
          <ac:spMkLst>
            <pc:docMk/>
            <pc:sldMk cId="1738378546" sldId="287"/>
            <ac:spMk id="112" creationId="{4DF9CF78-6351-9186-24A3-AFBB3C0E249B}"/>
          </ac:spMkLst>
        </pc:spChg>
        <pc:spChg chg="mod">
          <ac:chgData name="Matias Vázquez Piñón" userId="2f86a967-3c9c-4a39-b538-7e6c0574d83d" providerId="ADAL" clId="{8BBDCB0A-FAE8-4C81-BE5E-0ECAE5B97C1D}" dt="2022-08-26T15:09:48.095" v="1196" actId="404"/>
          <ac:spMkLst>
            <pc:docMk/>
            <pc:sldMk cId="1738378546" sldId="287"/>
            <ac:spMk id="113" creationId="{D7F738E7-F6D1-3040-7312-B2ECA16243C1}"/>
          </ac:spMkLst>
        </pc:spChg>
        <pc:spChg chg="mod">
          <ac:chgData name="Matias Vázquez Piñón" userId="2f86a967-3c9c-4a39-b538-7e6c0574d83d" providerId="ADAL" clId="{8BBDCB0A-FAE8-4C81-BE5E-0ECAE5B97C1D}" dt="2022-08-26T15:09:48.095" v="1196" actId="404"/>
          <ac:spMkLst>
            <pc:docMk/>
            <pc:sldMk cId="1738378546" sldId="287"/>
            <ac:spMk id="114" creationId="{C914C953-EDE6-FDFB-BF4F-A8940EC6C091}"/>
          </ac:spMkLst>
        </pc:spChg>
        <pc:spChg chg="mod">
          <ac:chgData name="Matias Vázquez Piñón" userId="2f86a967-3c9c-4a39-b538-7e6c0574d83d" providerId="ADAL" clId="{8BBDCB0A-FAE8-4C81-BE5E-0ECAE5B97C1D}" dt="2022-08-26T15:09:48.095" v="1196" actId="404"/>
          <ac:spMkLst>
            <pc:docMk/>
            <pc:sldMk cId="1738378546" sldId="287"/>
            <ac:spMk id="115" creationId="{72801815-4CBA-7519-9B86-E7BA130302A1}"/>
          </ac:spMkLst>
        </pc:spChg>
        <pc:spChg chg="mod">
          <ac:chgData name="Matias Vázquez Piñón" userId="2f86a967-3c9c-4a39-b538-7e6c0574d83d" providerId="ADAL" clId="{8BBDCB0A-FAE8-4C81-BE5E-0ECAE5B97C1D}" dt="2022-08-26T15:09:48.095" v="1196" actId="404"/>
          <ac:spMkLst>
            <pc:docMk/>
            <pc:sldMk cId="1738378546" sldId="287"/>
            <ac:spMk id="116" creationId="{D653B954-0DA1-1C2A-A7EF-C187A811E31D}"/>
          </ac:spMkLst>
        </pc:spChg>
        <pc:spChg chg="mod">
          <ac:chgData name="Matias Vázquez Piñón" userId="2f86a967-3c9c-4a39-b538-7e6c0574d83d" providerId="ADAL" clId="{8BBDCB0A-FAE8-4C81-BE5E-0ECAE5B97C1D}" dt="2022-08-26T15:09:48.095" v="1196" actId="404"/>
          <ac:spMkLst>
            <pc:docMk/>
            <pc:sldMk cId="1738378546" sldId="287"/>
            <ac:spMk id="117" creationId="{A50E729D-4749-3342-2F2A-41CEC85B26B7}"/>
          </ac:spMkLst>
        </pc:spChg>
        <pc:spChg chg="mod">
          <ac:chgData name="Matias Vázquez Piñón" userId="2f86a967-3c9c-4a39-b538-7e6c0574d83d" providerId="ADAL" clId="{8BBDCB0A-FAE8-4C81-BE5E-0ECAE5B97C1D}" dt="2022-08-26T15:10:20.371" v="1216" actId="790"/>
          <ac:spMkLst>
            <pc:docMk/>
            <pc:sldMk cId="1738378546" sldId="287"/>
            <ac:spMk id="118" creationId="{D38D1DFD-6ADB-E3D7-0336-14E86CBB52CB}"/>
          </ac:spMkLst>
        </pc:spChg>
        <pc:spChg chg="mod">
          <ac:chgData name="Matias Vázquez Piñón" userId="2f86a967-3c9c-4a39-b538-7e6c0574d83d" providerId="ADAL" clId="{8BBDCB0A-FAE8-4C81-BE5E-0ECAE5B97C1D}" dt="2022-08-26T15:10:15.028" v="1215" actId="790"/>
          <ac:spMkLst>
            <pc:docMk/>
            <pc:sldMk cId="1738378546" sldId="287"/>
            <ac:spMk id="119" creationId="{4C3E9782-092D-1FB1-7AB0-1F2185998B42}"/>
          </ac:spMkLst>
        </pc:spChg>
        <pc:spChg chg="add mod ord">
          <ac:chgData name="Matias Vázquez Piñón" userId="2f86a967-3c9c-4a39-b538-7e6c0574d83d" providerId="ADAL" clId="{8BBDCB0A-FAE8-4C81-BE5E-0ECAE5B97C1D}" dt="2022-08-26T15:08:22.493" v="1135" actId="700"/>
          <ac:spMkLst>
            <pc:docMk/>
            <pc:sldMk cId="1738378546" sldId="287"/>
            <ac:spMk id="120" creationId="{A3622EBD-3157-22C6-8916-720529EA0268}"/>
          </ac:spMkLst>
        </pc:spChg>
        <pc:grpChg chg="add del mod">
          <ac:chgData name="Matias Vázquez Piñón" userId="2f86a967-3c9c-4a39-b538-7e6c0574d83d" providerId="ADAL" clId="{8BBDCB0A-FAE8-4C81-BE5E-0ECAE5B97C1D}" dt="2022-08-26T15:07:47.786" v="1129"/>
          <ac:grpSpMkLst>
            <pc:docMk/>
            <pc:sldMk cId="1738378546" sldId="287"/>
            <ac:grpSpMk id="5" creationId="{3BD7A16F-D0C2-41BA-BCD8-0DEE78648B99}"/>
          </ac:grpSpMkLst>
        </pc:grpChg>
        <pc:grpChg chg="add del mod">
          <ac:chgData name="Matias Vázquez Piñón" userId="2f86a967-3c9c-4a39-b538-7e6c0574d83d" providerId="ADAL" clId="{8BBDCB0A-FAE8-4C81-BE5E-0ECAE5B97C1D}" dt="2022-08-26T15:07:59.010" v="1132" actId="478"/>
          <ac:grpSpMkLst>
            <pc:docMk/>
            <pc:sldMk cId="1738378546" sldId="287"/>
            <ac:grpSpMk id="44" creationId="{1AD7EAFD-8C75-48B1-078A-5AAF79F0BA9B}"/>
          </ac:grpSpMkLst>
        </pc:grpChg>
        <pc:grpChg chg="add mod">
          <ac:chgData name="Matias Vázquez Piñón" userId="2f86a967-3c9c-4a39-b538-7e6c0574d83d" providerId="ADAL" clId="{8BBDCB0A-FAE8-4C81-BE5E-0ECAE5B97C1D}" dt="2022-08-26T15:08:32.866" v="1136" actId="1076"/>
          <ac:grpSpMkLst>
            <pc:docMk/>
            <pc:sldMk cId="1738378546" sldId="287"/>
            <ac:grpSpMk id="82" creationId="{38D992E5-9140-B1F8-13B6-E038416FD631}"/>
          </ac:grpSpMkLst>
        </pc:grpChg>
        <pc:picChg chg="add del mod">
          <ac:chgData name="Matias Vázquez Piñón" userId="2f86a967-3c9c-4a39-b538-7e6c0574d83d" providerId="ADAL" clId="{8BBDCB0A-FAE8-4C81-BE5E-0ECAE5B97C1D}" dt="2022-08-26T14:35:24.760" v="823"/>
          <ac:picMkLst>
            <pc:docMk/>
            <pc:sldMk cId="1738378546" sldId="287"/>
            <ac:picMk id="5" creationId="{093CC947-B536-FFD2-CDDC-B9CD1C12C1B1}"/>
          </ac:picMkLst>
        </pc:picChg>
        <pc:picChg chg="add del mod">
          <ac:chgData name="Matias Vázquez Piñón" userId="2f86a967-3c9c-4a39-b538-7e6c0574d83d" providerId="ADAL" clId="{8BBDCB0A-FAE8-4C81-BE5E-0ECAE5B97C1D}" dt="2022-08-26T15:07:41.932" v="1127" actId="478"/>
          <ac:picMkLst>
            <pc:docMk/>
            <pc:sldMk cId="1738378546" sldId="287"/>
            <ac:picMk id="6" creationId="{820C715F-9068-9E5F-6B70-5CA11916F6A6}"/>
          </ac:picMkLst>
        </pc:picChg>
      </pc:sldChg>
      <pc:sldChg chg="add del">
        <pc:chgData name="Matias Vázquez Piñón" userId="2f86a967-3c9c-4a39-b538-7e6c0574d83d" providerId="ADAL" clId="{8BBDCB0A-FAE8-4C81-BE5E-0ECAE5B97C1D}" dt="2022-08-26T12:41:56.848" v="19" actId="2890"/>
        <pc:sldMkLst>
          <pc:docMk/>
          <pc:sldMk cId="2723166123" sldId="287"/>
        </pc:sldMkLst>
      </pc:sldChg>
      <pc:sldChg chg="add del">
        <pc:chgData name="Matias Vázquez Piñón" userId="2f86a967-3c9c-4a39-b538-7e6c0574d83d" providerId="ADAL" clId="{8BBDCB0A-FAE8-4C81-BE5E-0ECAE5B97C1D}" dt="2022-08-26T14:35:15.726" v="819"/>
        <pc:sldMkLst>
          <pc:docMk/>
          <pc:sldMk cId="1392757270" sldId="288"/>
        </pc:sldMkLst>
      </pc:sldChg>
      <pc:sldChg chg="modSp add mod">
        <pc:chgData name="Matias Vázquez Piñón" userId="2f86a967-3c9c-4a39-b538-7e6c0574d83d" providerId="ADAL" clId="{8BBDCB0A-FAE8-4C81-BE5E-0ECAE5B97C1D}" dt="2022-08-30T14:07:49.993" v="1401" actId="20577"/>
        <pc:sldMkLst>
          <pc:docMk/>
          <pc:sldMk cId="1509870089" sldId="297"/>
        </pc:sldMkLst>
        <pc:spChg chg="mod">
          <ac:chgData name="Matias Vázquez Piñón" userId="2f86a967-3c9c-4a39-b538-7e6c0574d83d" providerId="ADAL" clId="{8BBDCB0A-FAE8-4C81-BE5E-0ECAE5B97C1D}" dt="2022-08-30T14:05:19.732" v="1363"/>
          <ac:spMkLst>
            <pc:docMk/>
            <pc:sldMk cId="1509870089" sldId="297"/>
            <ac:spMk id="3" creationId="{7AE75F08-ED4F-28BA-1C57-F13CF78D6209}"/>
          </ac:spMkLst>
        </pc:spChg>
        <pc:graphicFrameChg chg="mod modGraphic">
          <ac:chgData name="Matias Vázquez Piñón" userId="2f86a967-3c9c-4a39-b538-7e6c0574d83d" providerId="ADAL" clId="{8BBDCB0A-FAE8-4C81-BE5E-0ECAE5B97C1D}" dt="2022-08-30T14:07:49.993" v="1401" actId="20577"/>
          <ac:graphicFrameMkLst>
            <pc:docMk/>
            <pc:sldMk cId="1509870089" sldId="297"/>
            <ac:graphicFrameMk id="7" creationId="{1015FA2C-4077-FB75-B234-3F9C7CF24E70}"/>
          </ac:graphicFrameMkLst>
        </pc:graphicFrameChg>
      </pc:sldChg>
      <pc:sldChg chg="modSp new mod">
        <pc:chgData name="Matias Vázquez Piñón" userId="2f86a967-3c9c-4a39-b538-7e6c0574d83d" providerId="ADAL" clId="{8BBDCB0A-FAE8-4C81-BE5E-0ECAE5B97C1D}" dt="2022-08-30T14:04:30.563" v="1360" actId="14"/>
        <pc:sldMkLst>
          <pc:docMk/>
          <pc:sldMk cId="3872591653" sldId="298"/>
        </pc:sldMkLst>
        <pc:spChg chg="mod">
          <ac:chgData name="Matias Vázquez Piñón" userId="2f86a967-3c9c-4a39-b538-7e6c0574d83d" providerId="ADAL" clId="{8BBDCB0A-FAE8-4C81-BE5E-0ECAE5B97C1D}" dt="2022-08-30T13:59:56.388" v="1310" actId="20577"/>
          <ac:spMkLst>
            <pc:docMk/>
            <pc:sldMk cId="3872591653" sldId="298"/>
            <ac:spMk id="2" creationId="{8EEDFD2D-E02A-221D-0D42-2BB3C2F21423}"/>
          </ac:spMkLst>
        </pc:spChg>
        <pc:spChg chg="mod">
          <ac:chgData name="Matias Vázquez Piñón" userId="2f86a967-3c9c-4a39-b538-7e6c0574d83d" providerId="ADAL" clId="{8BBDCB0A-FAE8-4C81-BE5E-0ECAE5B97C1D}" dt="2022-08-30T14:04:16.198" v="1356" actId="27636"/>
          <ac:spMkLst>
            <pc:docMk/>
            <pc:sldMk cId="3872591653" sldId="298"/>
            <ac:spMk id="3" creationId="{9D75D76A-00DE-E8AD-22E0-30ABE9F025C9}"/>
          </ac:spMkLst>
        </pc:spChg>
        <pc:spChg chg="mod">
          <ac:chgData name="Matias Vázquez Piñón" userId="2f86a967-3c9c-4a39-b538-7e6c0574d83d" providerId="ADAL" clId="{8BBDCB0A-FAE8-4C81-BE5E-0ECAE5B97C1D}" dt="2022-08-30T14:04:30.563" v="1360" actId="14"/>
          <ac:spMkLst>
            <pc:docMk/>
            <pc:sldMk cId="3872591653" sldId="298"/>
            <ac:spMk id="4" creationId="{994DEA4A-027B-E89B-E4F1-656E3C7EFA3A}"/>
          </ac:spMkLst>
        </pc:spChg>
      </pc:sldChg>
      <pc:sldChg chg="modSp new del mod">
        <pc:chgData name="Matias Vázquez Piñón" userId="2f86a967-3c9c-4a39-b538-7e6c0574d83d" providerId="ADAL" clId="{8BBDCB0A-FAE8-4C81-BE5E-0ECAE5B97C1D}" dt="2022-08-31T14:39:00.710" v="1489" actId="47"/>
        <pc:sldMkLst>
          <pc:docMk/>
          <pc:sldMk cId="2369068181" sldId="299"/>
        </pc:sldMkLst>
        <pc:spChg chg="mod">
          <ac:chgData name="Matias Vázquez Piñón" userId="2f86a967-3c9c-4a39-b538-7e6c0574d83d" providerId="ADAL" clId="{8BBDCB0A-FAE8-4C81-BE5E-0ECAE5B97C1D}" dt="2022-08-30T14:18:56.593" v="1488" actId="20577"/>
          <ac:spMkLst>
            <pc:docMk/>
            <pc:sldMk cId="2369068181" sldId="299"/>
            <ac:spMk id="3" creationId="{4BB517A6-D9EA-B405-B710-60496334B973}"/>
          </ac:spMkLst>
        </pc:spChg>
      </pc:sldChg>
    </pc:docChg>
  </pc:docChgLst>
  <pc:docChgLst>
    <pc:chgData name="Matias Vázquez Piñón" userId="2f86a967-3c9c-4a39-b538-7e6c0574d83d" providerId="ADAL" clId="{214B05F5-CDC9-49A7-9890-C2F0602C8542}"/>
    <pc:docChg chg="undo custSel mod addSld delSld modSld sldOrd">
      <pc:chgData name="Matias Vázquez Piñón" userId="2f86a967-3c9c-4a39-b538-7e6c0574d83d" providerId="ADAL" clId="{214B05F5-CDC9-49A7-9890-C2F0602C8542}" dt="2022-08-23T21:43:05.709" v="5394" actId="20577"/>
      <pc:docMkLst>
        <pc:docMk/>
      </pc:docMkLst>
      <pc:sldChg chg="modSp mod">
        <pc:chgData name="Matias Vázquez Piñón" userId="2f86a967-3c9c-4a39-b538-7e6c0574d83d" providerId="ADAL" clId="{214B05F5-CDC9-49A7-9890-C2F0602C8542}" dt="2022-08-16T19:09:19.824" v="2123" actId="113"/>
        <pc:sldMkLst>
          <pc:docMk/>
          <pc:sldMk cId="1796381250" sldId="257"/>
        </pc:sldMkLst>
        <pc:spChg chg="mod">
          <ac:chgData name="Matias Vázquez Piñón" userId="2f86a967-3c9c-4a39-b538-7e6c0574d83d" providerId="ADAL" clId="{214B05F5-CDC9-49A7-9890-C2F0602C8542}" dt="2022-08-16T19:09:18.214" v="2122" actId="113"/>
          <ac:spMkLst>
            <pc:docMk/>
            <pc:sldMk cId="1796381250" sldId="257"/>
            <ac:spMk id="3" creationId="{9ABD2501-5E2C-84F8-5978-93D1F7F43359}"/>
          </ac:spMkLst>
        </pc:spChg>
        <pc:spChg chg="mod">
          <ac:chgData name="Matias Vázquez Piñón" userId="2f86a967-3c9c-4a39-b538-7e6c0574d83d" providerId="ADAL" clId="{214B05F5-CDC9-49A7-9890-C2F0602C8542}" dt="2022-08-16T19:09:19.824" v="2123" actId="113"/>
          <ac:spMkLst>
            <pc:docMk/>
            <pc:sldMk cId="1796381250" sldId="257"/>
            <ac:spMk id="7" creationId="{4B35C13A-B74F-208C-1037-FAEFA9222DBD}"/>
          </ac:spMkLst>
        </pc:spChg>
      </pc:sldChg>
      <pc:sldChg chg="del">
        <pc:chgData name="Matias Vázquez Piñón" userId="2f86a967-3c9c-4a39-b538-7e6c0574d83d" providerId="ADAL" clId="{214B05F5-CDC9-49A7-9890-C2F0602C8542}" dt="2022-08-16T15:57:48.166" v="63" actId="47"/>
        <pc:sldMkLst>
          <pc:docMk/>
          <pc:sldMk cId="1357612784" sldId="261"/>
        </pc:sldMkLst>
      </pc:sldChg>
      <pc:sldChg chg="del">
        <pc:chgData name="Matias Vázquez Piñón" userId="2f86a967-3c9c-4a39-b538-7e6c0574d83d" providerId="ADAL" clId="{214B05F5-CDC9-49A7-9890-C2F0602C8542}" dt="2022-08-16T15:57:48.166" v="63" actId="47"/>
        <pc:sldMkLst>
          <pc:docMk/>
          <pc:sldMk cId="3597724329" sldId="262"/>
        </pc:sldMkLst>
      </pc:sldChg>
      <pc:sldChg chg="addSp delSp modSp mod ord">
        <pc:chgData name="Matias Vázquez Piñón" userId="2f86a967-3c9c-4a39-b538-7e6c0574d83d" providerId="ADAL" clId="{214B05F5-CDC9-49A7-9890-C2F0602C8542}" dt="2022-08-16T21:01:20.630" v="2141" actId="478"/>
        <pc:sldMkLst>
          <pc:docMk/>
          <pc:sldMk cId="622507875" sldId="263"/>
        </pc:sldMkLst>
        <pc:spChg chg="mod">
          <ac:chgData name="Matias Vázquez Piñón" userId="2f86a967-3c9c-4a39-b538-7e6c0574d83d" providerId="ADAL" clId="{214B05F5-CDC9-49A7-9890-C2F0602C8542}" dt="2022-08-16T15:58:02.872" v="103" actId="20577"/>
          <ac:spMkLst>
            <pc:docMk/>
            <pc:sldMk cId="622507875" sldId="263"/>
            <ac:spMk id="3" creationId="{FF512E78-335F-2C1D-FB95-93A6F877663B}"/>
          </ac:spMkLst>
        </pc:spChg>
        <pc:picChg chg="mod">
          <ac:chgData name="Matias Vázquez Piñón" userId="2f86a967-3c9c-4a39-b538-7e6c0574d83d" providerId="ADAL" clId="{214B05F5-CDC9-49A7-9890-C2F0602C8542}" dt="2022-08-16T19:09:09.348" v="2121" actId="1076"/>
          <ac:picMkLst>
            <pc:docMk/>
            <pc:sldMk cId="622507875" sldId="263"/>
            <ac:picMk id="8" creationId="{E0066F59-EF26-71E5-9F11-EB9930E954CA}"/>
          </ac:picMkLst>
        </pc:picChg>
        <pc:inkChg chg="add del">
          <ac:chgData name="Matias Vázquez Piñón" userId="2f86a967-3c9c-4a39-b538-7e6c0574d83d" providerId="ADAL" clId="{214B05F5-CDC9-49A7-9890-C2F0602C8542}" dt="2022-08-16T21:01:20.630" v="2141" actId="478"/>
          <ac:inkMkLst>
            <pc:docMk/>
            <pc:sldMk cId="622507875" sldId="263"/>
            <ac:inkMk id="2" creationId="{230BF671-6799-DAE5-CFE1-6807DB130504}"/>
          </ac:inkMkLst>
        </pc:inkChg>
      </pc:sldChg>
      <pc:sldChg chg="del">
        <pc:chgData name="Matias Vázquez Piñón" userId="2f86a967-3c9c-4a39-b538-7e6c0574d83d" providerId="ADAL" clId="{214B05F5-CDC9-49A7-9890-C2F0602C8542}" dt="2022-08-16T19:11:02.131" v="2124" actId="47"/>
        <pc:sldMkLst>
          <pc:docMk/>
          <pc:sldMk cId="677354137" sldId="264"/>
        </pc:sldMkLst>
      </pc:sldChg>
      <pc:sldChg chg="modSp del mod">
        <pc:chgData name="Matias Vázquez Piñón" userId="2f86a967-3c9c-4a39-b538-7e6c0574d83d" providerId="ADAL" clId="{214B05F5-CDC9-49A7-9890-C2F0602C8542}" dt="2022-08-19T17:51:46.156" v="4675" actId="47"/>
        <pc:sldMkLst>
          <pc:docMk/>
          <pc:sldMk cId="756237579" sldId="265"/>
        </pc:sldMkLst>
        <pc:spChg chg="mod">
          <ac:chgData name="Matias Vázquez Piñón" userId="2f86a967-3c9c-4a39-b538-7e6c0574d83d" providerId="ADAL" clId="{214B05F5-CDC9-49A7-9890-C2F0602C8542}" dt="2022-08-17T18:45:58.567" v="2171" actId="20577"/>
          <ac:spMkLst>
            <pc:docMk/>
            <pc:sldMk cId="756237579" sldId="265"/>
            <ac:spMk id="2" creationId="{D4420480-7B33-E8EA-527C-5581C77C9ADB}"/>
          </ac:spMkLst>
        </pc:spChg>
      </pc:sldChg>
      <pc:sldChg chg="addSp delSp modSp mod ord">
        <pc:chgData name="Matias Vázquez Piñón" userId="2f86a967-3c9c-4a39-b538-7e6c0574d83d" providerId="ADAL" clId="{214B05F5-CDC9-49A7-9890-C2F0602C8542}" dt="2022-08-17T20:25:24.627" v="4673"/>
        <pc:sldMkLst>
          <pc:docMk/>
          <pc:sldMk cId="1944785628" sldId="266"/>
        </pc:sldMkLst>
        <pc:spChg chg="add mod">
          <ac:chgData name="Matias Vázquez Piñón" userId="2f86a967-3c9c-4a39-b538-7e6c0574d83d" providerId="ADAL" clId="{214B05F5-CDC9-49A7-9890-C2F0602C8542}" dt="2022-08-17T20:25:24.627" v="4673"/>
          <ac:spMkLst>
            <pc:docMk/>
            <pc:sldMk cId="1944785628" sldId="266"/>
            <ac:spMk id="3" creationId="{C02B4C89-50B7-C0FB-03E4-615B57911CD3}"/>
          </ac:spMkLst>
        </pc:spChg>
        <pc:spChg chg="del">
          <ac:chgData name="Matias Vázquez Piñón" userId="2f86a967-3c9c-4a39-b538-7e6c0574d83d" providerId="ADAL" clId="{214B05F5-CDC9-49A7-9890-C2F0602C8542}" dt="2022-08-17T20:25:14.531" v="4671" actId="478"/>
          <ac:spMkLst>
            <pc:docMk/>
            <pc:sldMk cId="1944785628" sldId="266"/>
            <ac:spMk id="5" creationId="{8ED65948-3C46-409B-BE4C-603156495089}"/>
          </ac:spMkLst>
        </pc:spChg>
      </pc:sldChg>
      <pc:sldChg chg="addSp delSp modSp mod ord">
        <pc:chgData name="Matias Vázquez Piñón" userId="2f86a967-3c9c-4a39-b538-7e6c0574d83d" providerId="ADAL" clId="{214B05F5-CDC9-49A7-9890-C2F0602C8542}" dt="2022-08-17T20:25:26.089" v="4674"/>
        <pc:sldMkLst>
          <pc:docMk/>
          <pc:sldMk cId="3675564955" sldId="267"/>
        </pc:sldMkLst>
        <pc:spChg chg="add mod">
          <ac:chgData name="Matias Vázquez Piñón" userId="2f86a967-3c9c-4a39-b538-7e6c0574d83d" providerId="ADAL" clId="{214B05F5-CDC9-49A7-9890-C2F0602C8542}" dt="2022-08-17T20:25:26.089" v="4674"/>
          <ac:spMkLst>
            <pc:docMk/>
            <pc:sldMk cId="3675564955" sldId="267"/>
            <ac:spMk id="3" creationId="{AABEEDF2-3645-C5F3-5BD8-BF18B54D8105}"/>
          </ac:spMkLst>
        </pc:spChg>
        <pc:spChg chg="del">
          <ac:chgData name="Matias Vázquez Piñón" userId="2f86a967-3c9c-4a39-b538-7e6c0574d83d" providerId="ADAL" clId="{214B05F5-CDC9-49A7-9890-C2F0602C8542}" dt="2022-08-17T20:25:16.716" v="4672" actId="478"/>
          <ac:spMkLst>
            <pc:docMk/>
            <pc:sldMk cId="3675564955" sldId="267"/>
            <ac:spMk id="5" creationId="{8ED65948-3C46-409B-BE4C-603156495089}"/>
          </ac:spMkLst>
        </pc:spChg>
      </pc:sldChg>
      <pc:sldChg chg="ord">
        <pc:chgData name="Matias Vázquez Piñón" userId="2f86a967-3c9c-4a39-b538-7e6c0574d83d" providerId="ADAL" clId="{214B05F5-CDC9-49A7-9890-C2F0602C8542}" dt="2022-08-19T17:54:58.603" v="4682"/>
        <pc:sldMkLst>
          <pc:docMk/>
          <pc:sldMk cId="602807936" sldId="268"/>
        </pc:sldMkLst>
      </pc:sldChg>
      <pc:sldChg chg="ord">
        <pc:chgData name="Matias Vázquez Piñón" userId="2f86a967-3c9c-4a39-b538-7e6c0574d83d" providerId="ADAL" clId="{214B05F5-CDC9-49A7-9890-C2F0602C8542}" dt="2022-08-19T17:54:08.915" v="4677"/>
        <pc:sldMkLst>
          <pc:docMk/>
          <pc:sldMk cId="3286921969" sldId="278"/>
        </pc:sldMkLst>
      </pc:sldChg>
      <pc:sldChg chg="del">
        <pc:chgData name="Matias Vázquez Piñón" userId="2f86a967-3c9c-4a39-b538-7e6c0574d83d" providerId="ADAL" clId="{214B05F5-CDC9-49A7-9890-C2F0602C8542}" dt="2022-08-19T17:54:49.010" v="4680" actId="47"/>
        <pc:sldMkLst>
          <pc:docMk/>
          <pc:sldMk cId="262411750" sldId="279"/>
        </pc:sldMkLst>
      </pc:sldChg>
      <pc:sldChg chg="addSp delSp mod">
        <pc:chgData name="Matias Vázquez Piñón" userId="2f86a967-3c9c-4a39-b538-7e6c0574d83d" providerId="ADAL" clId="{214B05F5-CDC9-49A7-9890-C2F0602C8542}" dt="2022-08-16T21:01:13.001" v="2139" actId="478"/>
        <pc:sldMkLst>
          <pc:docMk/>
          <pc:sldMk cId="2866640030" sldId="280"/>
        </pc:sldMkLst>
        <pc:inkChg chg="add del">
          <ac:chgData name="Matias Vázquez Piñón" userId="2f86a967-3c9c-4a39-b538-7e6c0574d83d" providerId="ADAL" clId="{214B05F5-CDC9-49A7-9890-C2F0602C8542}" dt="2022-08-16T21:01:13.001" v="2139" actId="478"/>
          <ac:inkMkLst>
            <pc:docMk/>
            <pc:sldMk cId="2866640030" sldId="280"/>
            <ac:inkMk id="4" creationId="{E478204C-0E5B-8A9B-1DC8-12E6BF0D27D6}"/>
          </ac:inkMkLst>
        </pc:inkChg>
      </pc:sldChg>
      <pc:sldChg chg="addSp delSp modSp mod">
        <pc:chgData name="Matias Vázquez Piñón" userId="2f86a967-3c9c-4a39-b538-7e6c0574d83d" providerId="ADAL" clId="{214B05F5-CDC9-49A7-9890-C2F0602C8542}" dt="2022-08-16T21:01:15.815" v="2140" actId="478"/>
        <pc:sldMkLst>
          <pc:docMk/>
          <pc:sldMk cId="2657048017" sldId="281"/>
        </pc:sldMkLst>
        <pc:spChg chg="mod">
          <ac:chgData name="Matias Vázquez Piñón" userId="2f86a967-3c9c-4a39-b538-7e6c0574d83d" providerId="ADAL" clId="{214B05F5-CDC9-49A7-9890-C2F0602C8542}" dt="2022-08-16T16:27:47.930" v="1559" actId="20577"/>
          <ac:spMkLst>
            <pc:docMk/>
            <pc:sldMk cId="2657048017" sldId="281"/>
            <ac:spMk id="3" creationId="{5AC65F18-17AC-A7DC-7F31-C4210AEE0E52}"/>
          </ac:spMkLst>
        </pc:spChg>
        <pc:inkChg chg="add del">
          <ac:chgData name="Matias Vázquez Piñón" userId="2f86a967-3c9c-4a39-b538-7e6c0574d83d" providerId="ADAL" clId="{214B05F5-CDC9-49A7-9890-C2F0602C8542}" dt="2022-08-16T21:01:15.815" v="2140" actId="478"/>
          <ac:inkMkLst>
            <pc:docMk/>
            <pc:sldMk cId="2657048017" sldId="281"/>
            <ac:inkMk id="4" creationId="{1F8D6F3B-EA08-733D-7F18-0361C36C281F}"/>
          </ac:inkMkLst>
        </pc:inkChg>
      </pc:sldChg>
      <pc:sldChg chg="new del">
        <pc:chgData name="Matias Vázquez Piñón" userId="2f86a967-3c9c-4a39-b538-7e6c0574d83d" providerId="ADAL" clId="{214B05F5-CDC9-49A7-9890-C2F0602C8542}" dt="2022-08-16T16:01:16.544" v="106" actId="47"/>
        <pc:sldMkLst>
          <pc:docMk/>
          <pc:sldMk cId="2605241787" sldId="282"/>
        </pc:sldMkLst>
      </pc:sldChg>
      <pc:sldChg chg="addSp delSp modSp new mod modClrScheme chgLayout">
        <pc:chgData name="Matias Vázquez Piñón" userId="2f86a967-3c9c-4a39-b538-7e6c0574d83d" providerId="ADAL" clId="{214B05F5-CDC9-49A7-9890-C2F0602C8542}" dt="2022-08-16T21:01:09.429" v="2138" actId="478"/>
        <pc:sldMkLst>
          <pc:docMk/>
          <pc:sldMk cId="2620245939" sldId="283"/>
        </pc:sldMkLst>
        <pc:spChg chg="mod ord">
          <ac:chgData name="Matias Vázquez Piñón" userId="2f86a967-3c9c-4a39-b538-7e6c0574d83d" providerId="ADAL" clId="{214B05F5-CDC9-49A7-9890-C2F0602C8542}" dt="2022-08-16T16:09:18.902" v="581" actId="700"/>
          <ac:spMkLst>
            <pc:docMk/>
            <pc:sldMk cId="2620245939" sldId="283"/>
            <ac:spMk id="2" creationId="{E670DB08-38CD-0262-E1BA-CBF3F5F8A567}"/>
          </ac:spMkLst>
        </pc:spChg>
        <pc:spChg chg="mod ord">
          <ac:chgData name="Matias Vázquez Piñón" userId="2f86a967-3c9c-4a39-b538-7e6c0574d83d" providerId="ADAL" clId="{214B05F5-CDC9-49A7-9890-C2F0602C8542}" dt="2022-08-16T18:46:58.545" v="1958" actId="27636"/>
          <ac:spMkLst>
            <pc:docMk/>
            <pc:sldMk cId="2620245939" sldId="283"/>
            <ac:spMk id="3" creationId="{C9E7587C-4AC0-2564-D612-E5143375687A}"/>
          </ac:spMkLst>
        </pc:spChg>
        <pc:spChg chg="mod ord">
          <ac:chgData name="Matias Vázquez Piñón" userId="2f86a967-3c9c-4a39-b538-7e6c0574d83d" providerId="ADAL" clId="{214B05F5-CDC9-49A7-9890-C2F0602C8542}" dt="2022-08-16T16:09:18.902" v="581" actId="700"/>
          <ac:spMkLst>
            <pc:docMk/>
            <pc:sldMk cId="2620245939" sldId="283"/>
            <ac:spMk id="4" creationId="{B462C845-A35D-C350-D210-EAFD99C109C0}"/>
          </ac:spMkLst>
        </pc:spChg>
        <pc:spChg chg="add del mod ord">
          <ac:chgData name="Matias Vázquez Piñón" userId="2f86a967-3c9c-4a39-b538-7e6c0574d83d" providerId="ADAL" clId="{214B05F5-CDC9-49A7-9890-C2F0602C8542}" dt="2022-08-16T16:09:31.565" v="582" actId="22"/>
          <ac:spMkLst>
            <pc:docMk/>
            <pc:sldMk cId="2620245939" sldId="283"/>
            <ac:spMk id="5" creationId="{6654EE5D-D0FD-1855-B139-8E421F6213D8}"/>
          </ac:spMkLst>
        </pc:spChg>
        <pc:spChg chg="add mod">
          <ac:chgData name="Matias Vázquez Piñón" userId="2f86a967-3c9c-4a39-b538-7e6c0574d83d" providerId="ADAL" clId="{214B05F5-CDC9-49A7-9890-C2F0602C8542}" dt="2022-08-16T16:34:14.610" v="1693" actId="14100"/>
          <ac:spMkLst>
            <pc:docMk/>
            <pc:sldMk cId="2620245939" sldId="283"/>
            <ac:spMk id="8" creationId="{3F4F906E-C0A2-64B0-A864-79C585107867}"/>
          </ac:spMkLst>
        </pc:spChg>
        <pc:picChg chg="add mod ord">
          <ac:chgData name="Matias Vázquez Piñón" userId="2f86a967-3c9c-4a39-b538-7e6c0574d83d" providerId="ADAL" clId="{214B05F5-CDC9-49A7-9890-C2F0602C8542}" dt="2022-08-16T16:09:31.565" v="582" actId="22"/>
          <ac:picMkLst>
            <pc:docMk/>
            <pc:sldMk cId="2620245939" sldId="283"/>
            <ac:picMk id="7" creationId="{3310BB75-9EB6-5908-B86D-22DE041A1A32}"/>
          </ac:picMkLst>
        </pc:picChg>
        <pc:picChg chg="add mod">
          <ac:chgData name="Matias Vázquez Piñón" userId="2f86a967-3c9c-4a39-b538-7e6c0574d83d" providerId="ADAL" clId="{214B05F5-CDC9-49A7-9890-C2F0602C8542}" dt="2022-08-16T18:47:05.035" v="1959" actId="1076"/>
          <ac:picMkLst>
            <pc:docMk/>
            <pc:sldMk cId="2620245939" sldId="283"/>
            <ac:picMk id="10" creationId="{917B529B-4060-C68C-0BCA-F78B9B73B1DC}"/>
          </ac:picMkLst>
        </pc:picChg>
        <pc:inkChg chg="add del">
          <ac:chgData name="Matias Vázquez Piñón" userId="2f86a967-3c9c-4a39-b538-7e6c0574d83d" providerId="ADAL" clId="{214B05F5-CDC9-49A7-9890-C2F0602C8542}" dt="2022-08-16T21:01:09.429" v="2138" actId="478"/>
          <ac:inkMkLst>
            <pc:docMk/>
            <pc:sldMk cId="2620245939" sldId="283"/>
            <ac:inkMk id="11" creationId="{05277578-B215-F973-DD09-7CCB6B2976EB}"/>
          </ac:inkMkLst>
        </pc:inkChg>
      </pc:sldChg>
      <pc:sldChg chg="addSp delSp modSp new mod">
        <pc:chgData name="Matias Vázquez Piñón" userId="2f86a967-3c9c-4a39-b538-7e6c0574d83d" providerId="ADAL" clId="{214B05F5-CDC9-49A7-9890-C2F0602C8542}" dt="2022-08-16T21:01:06.380" v="2137" actId="478"/>
        <pc:sldMkLst>
          <pc:docMk/>
          <pc:sldMk cId="2307097429" sldId="284"/>
        </pc:sldMkLst>
        <pc:spChg chg="mod">
          <ac:chgData name="Matias Vázquez Piñón" userId="2f86a967-3c9c-4a39-b538-7e6c0574d83d" providerId="ADAL" clId="{214B05F5-CDC9-49A7-9890-C2F0602C8542}" dt="2022-08-16T16:10:28.211" v="593" actId="20577"/>
          <ac:spMkLst>
            <pc:docMk/>
            <pc:sldMk cId="2307097429" sldId="284"/>
            <ac:spMk id="2" creationId="{9686D3FA-FDB1-9C17-714A-4DB91D8E1C59}"/>
          </ac:spMkLst>
        </pc:spChg>
        <pc:spChg chg="mod">
          <ac:chgData name="Matias Vázquez Piñón" userId="2f86a967-3c9c-4a39-b538-7e6c0574d83d" providerId="ADAL" clId="{214B05F5-CDC9-49A7-9890-C2F0602C8542}" dt="2022-08-16T16:39:26.265" v="1911" actId="20577"/>
          <ac:spMkLst>
            <pc:docMk/>
            <pc:sldMk cId="2307097429" sldId="284"/>
            <ac:spMk id="3" creationId="{30CD4012-EF0C-B74B-B098-3DAAF39C292A}"/>
          </ac:spMkLst>
        </pc:spChg>
        <pc:spChg chg="add mod">
          <ac:chgData name="Matias Vázquez Piñón" userId="2f86a967-3c9c-4a39-b538-7e6c0574d83d" providerId="ADAL" clId="{214B05F5-CDC9-49A7-9890-C2F0602C8542}" dt="2022-08-16T16:16:57.049" v="822" actId="14100"/>
          <ac:spMkLst>
            <pc:docMk/>
            <pc:sldMk cId="2307097429" sldId="284"/>
            <ac:spMk id="11" creationId="{42B233AF-83C7-39D1-575A-0484D2E9BB5C}"/>
          </ac:spMkLst>
        </pc:spChg>
        <pc:picChg chg="add mod ord">
          <ac:chgData name="Matias Vázquez Piñón" userId="2f86a967-3c9c-4a39-b538-7e6c0574d83d" providerId="ADAL" clId="{214B05F5-CDC9-49A7-9890-C2F0602C8542}" dt="2022-08-16T18:31:01.087" v="1913" actId="1076"/>
          <ac:picMkLst>
            <pc:docMk/>
            <pc:sldMk cId="2307097429" sldId="284"/>
            <ac:picMk id="6" creationId="{EDA2381D-02B4-294B-467C-E7AC8228860F}"/>
          </ac:picMkLst>
        </pc:picChg>
        <pc:picChg chg="add mod">
          <ac:chgData name="Matias Vázquez Piñón" userId="2f86a967-3c9c-4a39-b538-7e6c0574d83d" providerId="ADAL" clId="{214B05F5-CDC9-49A7-9890-C2F0602C8542}" dt="2022-08-16T16:17:16.302" v="826" actId="1076"/>
          <ac:picMkLst>
            <pc:docMk/>
            <pc:sldMk cId="2307097429" sldId="284"/>
            <ac:picMk id="8" creationId="{4E605A8E-539D-1074-0F7F-A534E17DF069}"/>
          </ac:picMkLst>
        </pc:picChg>
        <pc:picChg chg="add mod">
          <ac:chgData name="Matias Vázquez Piñón" userId="2f86a967-3c9c-4a39-b538-7e6c0574d83d" providerId="ADAL" clId="{214B05F5-CDC9-49A7-9890-C2F0602C8542}" dt="2022-08-16T16:17:11.966" v="825" actId="1076"/>
          <ac:picMkLst>
            <pc:docMk/>
            <pc:sldMk cId="2307097429" sldId="284"/>
            <ac:picMk id="10" creationId="{592ACDCF-701B-FD83-FEBD-56975F5DAEFA}"/>
          </ac:picMkLst>
        </pc:picChg>
        <pc:inkChg chg="add del">
          <ac:chgData name="Matias Vázquez Piñón" userId="2f86a967-3c9c-4a39-b538-7e6c0574d83d" providerId="ADAL" clId="{214B05F5-CDC9-49A7-9890-C2F0602C8542}" dt="2022-08-16T21:01:06.380" v="2137" actId="478"/>
          <ac:inkMkLst>
            <pc:docMk/>
            <pc:sldMk cId="2307097429" sldId="284"/>
            <ac:inkMk id="12" creationId="{E4A6CEF8-BB38-387C-532E-9EB91F3450D7}"/>
          </ac:inkMkLst>
        </pc:inkChg>
      </pc:sldChg>
      <pc:sldChg chg="new del">
        <pc:chgData name="Matias Vázquez Piñón" userId="2f86a967-3c9c-4a39-b538-7e6c0574d83d" providerId="ADAL" clId="{214B05F5-CDC9-49A7-9890-C2F0602C8542}" dt="2022-08-16T16:22:15.101" v="1057" actId="47"/>
        <pc:sldMkLst>
          <pc:docMk/>
          <pc:sldMk cId="4132329750" sldId="285"/>
        </pc:sldMkLst>
      </pc:sldChg>
      <pc:sldChg chg="addSp delSp modSp new mod modClrScheme chgLayout">
        <pc:chgData name="Matias Vázquez Piñón" userId="2f86a967-3c9c-4a39-b538-7e6c0574d83d" providerId="ADAL" clId="{214B05F5-CDC9-49A7-9890-C2F0602C8542}" dt="2022-08-16T21:01:03.011" v="2136" actId="478"/>
        <pc:sldMkLst>
          <pc:docMk/>
          <pc:sldMk cId="3102174217" sldId="286"/>
        </pc:sldMkLst>
        <pc:spChg chg="mod ord">
          <ac:chgData name="Matias Vázquez Piñón" userId="2f86a967-3c9c-4a39-b538-7e6c0574d83d" providerId="ADAL" clId="{214B05F5-CDC9-49A7-9890-C2F0602C8542}" dt="2022-08-16T16:29:00.645" v="1563" actId="700"/>
          <ac:spMkLst>
            <pc:docMk/>
            <pc:sldMk cId="3102174217" sldId="286"/>
            <ac:spMk id="2" creationId="{6680EA11-3CE4-CD72-FF8D-3A9BA76FE00E}"/>
          </ac:spMkLst>
        </pc:spChg>
        <pc:spChg chg="mod ord">
          <ac:chgData name="Matias Vázquez Piñón" userId="2f86a967-3c9c-4a39-b538-7e6c0574d83d" providerId="ADAL" clId="{214B05F5-CDC9-49A7-9890-C2F0602C8542}" dt="2022-08-16T18:31:24.136" v="1943" actId="20577"/>
          <ac:spMkLst>
            <pc:docMk/>
            <pc:sldMk cId="3102174217" sldId="286"/>
            <ac:spMk id="3" creationId="{6B6C1063-562E-3BE1-3354-BF3544A183CE}"/>
          </ac:spMkLst>
        </pc:spChg>
        <pc:spChg chg="del">
          <ac:chgData name="Matias Vázquez Piñón" userId="2f86a967-3c9c-4a39-b538-7e6c0574d83d" providerId="ADAL" clId="{214B05F5-CDC9-49A7-9890-C2F0602C8542}" dt="2022-08-16T16:18:09.696" v="829" actId="22"/>
          <ac:spMkLst>
            <pc:docMk/>
            <pc:sldMk cId="3102174217" sldId="286"/>
            <ac:spMk id="4" creationId="{E8E9F051-669B-5B4E-387D-A88C59A252A8}"/>
          </ac:spMkLst>
        </pc:spChg>
        <pc:spChg chg="mod ord">
          <ac:chgData name="Matias Vázquez Piñón" userId="2f86a967-3c9c-4a39-b538-7e6c0574d83d" providerId="ADAL" clId="{214B05F5-CDC9-49A7-9890-C2F0602C8542}" dt="2022-08-16T16:29:00.645" v="1563" actId="700"/>
          <ac:spMkLst>
            <pc:docMk/>
            <pc:sldMk cId="3102174217" sldId="286"/>
            <ac:spMk id="5" creationId="{549F6F39-E795-D9A4-CFC5-888D3A414B91}"/>
          </ac:spMkLst>
        </pc:spChg>
        <pc:spChg chg="add del mod">
          <ac:chgData name="Matias Vázquez Piñón" userId="2f86a967-3c9c-4a39-b538-7e6c0574d83d" providerId="ADAL" clId="{214B05F5-CDC9-49A7-9890-C2F0602C8542}" dt="2022-08-16T16:28:27.043" v="1561" actId="22"/>
          <ac:spMkLst>
            <pc:docMk/>
            <pc:sldMk cId="3102174217" sldId="286"/>
            <ac:spMk id="8" creationId="{B3CD5D69-C63E-9342-68BE-8F8DA9BDDCC3}"/>
          </ac:spMkLst>
        </pc:spChg>
        <pc:spChg chg="add del mod ord">
          <ac:chgData name="Matias Vázquez Piñón" userId="2f86a967-3c9c-4a39-b538-7e6c0574d83d" providerId="ADAL" clId="{214B05F5-CDC9-49A7-9890-C2F0602C8542}" dt="2022-08-16T16:29:00.645" v="1563" actId="700"/>
          <ac:spMkLst>
            <pc:docMk/>
            <pc:sldMk cId="3102174217" sldId="286"/>
            <ac:spMk id="11" creationId="{7D2EB6D5-3613-AD15-2068-EC413C2F8CCA}"/>
          </ac:spMkLst>
        </pc:spChg>
        <pc:spChg chg="add del mod ord">
          <ac:chgData name="Matias Vázquez Piñón" userId="2f86a967-3c9c-4a39-b538-7e6c0574d83d" providerId="ADAL" clId="{214B05F5-CDC9-49A7-9890-C2F0602C8542}" dt="2022-08-16T16:29:02.637" v="1564"/>
          <ac:spMkLst>
            <pc:docMk/>
            <pc:sldMk cId="3102174217" sldId="286"/>
            <ac:spMk id="12" creationId="{295FE5E2-22D1-283D-ED26-F0C24759E8EF}"/>
          </ac:spMkLst>
        </pc:spChg>
        <pc:spChg chg="add del mod ord">
          <ac:chgData name="Matias Vázquez Piñón" userId="2f86a967-3c9c-4a39-b538-7e6c0574d83d" providerId="ADAL" clId="{214B05F5-CDC9-49A7-9890-C2F0602C8542}" dt="2022-08-16T16:29:39.414" v="1566" actId="22"/>
          <ac:spMkLst>
            <pc:docMk/>
            <pc:sldMk cId="3102174217" sldId="286"/>
            <ac:spMk id="13" creationId="{DD136BA7-8C6D-6304-6219-F78E6746BB65}"/>
          </ac:spMkLst>
        </pc:spChg>
        <pc:picChg chg="add del mod ord">
          <ac:chgData name="Matias Vázquez Piñón" userId="2f86a967-3c9c-4a39-b538-7e6c0574d83d" providerId="ADAL" clId="{214B05F5-CDC9-49A7-9890-C2F0602C8542}" dt="2022-08-16T16:28:15.996" v="1560" actId="478"/>
          <ac:picMkLst>
            <pc:docMk/>
            <pc:sldMk cId="3102174217" sldId="286"/>
            <ac:picMk id="7" creationId="{EEA94401-D72C-BF94-9D69-4191387CADB7}"/>
          </ac:picMkLst>
        </pc:picChg>
        <pc:picChg chg="add del mod ord">
          <ac:chgData name="Matias Vázquez Piñón" userId="2f86a967-3c9c-4a39-b538-7e6c0574d83d" providerId="ADAL" clId="{214B05F5-CDC9-49A7-9890-C2F0602C8542}" dt="2022-08-16T16:28:57.694" v="1562" actId="21"/>
          <ac:picMkLst>
            <pc:docMk/>
            <pc:sldMk cId="3102174217" sldId="286"/>
            <ac:picMk id="10" creationId="{36B0DCC4-0C89-F7E3-7062-3E77664A815A}"/>
          </ac:picMkLst>
        </pc:picChg>
        <pc:picChg chg="add mod">
          <ac:chgData name="Matias Vázquez Piñón" userId="2f86a967-3c9c-4a39-b538-7e6c0574d83d" providerId="ADAL" clId="{214B05F5-CDC9-49A7-9890-C2F0602C8542}" dt="2022-08-16T16:29:10.745" v="1565" actId="18653"/>
          <ac:picMkLst>
            <pc:docMk/>
            <pc:sldMk cId="3102174217" sldId="286"/>
            <ac:picMk id="14" creationId="{5D5C932B-91C9-1E49-89A0-E96E20BE2E42}"/>
          </ac:picMkLst>
        </pc:picChg>
        <pc:picChg chg="add mod ord modCrop">
          <ac:chgData name="Matias Vázquez Piñón" userId="2f86a967-3c9c-4a39-b538-7e6c0574d83d" providerId="ADAL" clId="{214B05F5-CDC9-49A7-9890-C2F0602C8542}" dt="2022-08-16T16:29:42.272" v="1567" actId="18653"/>
          <ac:picMkLst>
            <pc:docMk/>
            <pc:sldMk cId="3102174217" sldId="286"/>
            <ac:picMk id="16" creationId="{60CD152C-CF0D-A76B-EB8C-DB9CB3E18B0F}"/>
          </ac:picMkLst>
        </pc:picChg>
        <pc:picChg chg="add mod">
          <ac:chgData name="Matias Vázquez Piñón" userId="2f86a967-3c9c-4a39-b538-7e6c0574d83d" providerId="ADAL" clId="{214B05F5-CDC9-49A7-9890-C2F0602C8542}" dt="2022-08-16T18:39:59.248" v="1947" actId="1076"/>
          <ac:picMkLst>
            <pc:docMk/>
            <pc:sldMk cId="3102174217" sldId="286"/>
            <ac:picMk id="18" creationId="{D9696D93-6485-0883-48B8-B679935C0D82}"/>
          </ac:picMkLst>
        </pc:picChg>
        <pc:inkChg chg="add del">
          <ac:chgData name="Matias Vázquez Piñón" userId="2f86a967-3c9c-4a39-b538-7e6c0574d83d" providerId="ADAL" clId="{214B05F5-CDC9-49A7-9890-C2F0602C8542}" dt="2022-08-16T21:01:03.011" v="2136" actId="478"/>
          <ac:inkMkLst>
            <pc:docMk/>
            <pc:sldMk cId="3102174217" sldId="286"/>
            <ac:inkMk id="19" creationId="{DF006063-3862-D071-18B3-E0585EC82817}"/>
          </ac:inkMkLst>
        </pc:inkChg>
      </pc:sldChg>
      <pc:sldChg chg="addSp delSp modSp new mod">
        <pc:chgData name="Matias Vázquez Piñón" userId="2f86a967-3c9c-4a39-b538-7e6c0574d83d" providerId="ADAL" clId="{214B05F5-CDC9-49A7-9890-C2F0602C8542}" dt="2022-08-17T19:08:06.035" v="2991" actId="478"/>
        <pc:sldMkLst>
          <pc:docMk/>
          <pc:sldMk cId="2113485509" sldId="287"/>
        </pc:sldMkLst>
        <pc:spChg chg="del">
          <ac:chgData name="Matias Vázquez Piñón" userId="2f86a967-3c9c-4a39-b538-7e6c0574d83d" providerId="ADAL" clId="{214B05F5-CDC9-49A7-9890-C2F0602C8542}" dt="2022-08-16T19:11:15.025" v="2125" actId="478"/>
          <ac:spMkLst>
            <pc:docMk/>
            <pc:sldMk cId="2113485509" sldId="287"/>
            <ac:spMk id="3" creationId="{A61382C9-39EA-CBD4-61B4-DA364E274317}"/>
          </ac:spMkLst>
        </pc:spChg>
        <pc:spChg chg="del">
          <ac:chgData name="Matias Vázquez Piñón" userId="2f86a967-3c9c-4a39-b538-7e6c0574d83d" providerId="ADAL" clId="{214B05F5-CDC9-49A7-9890-C2F0602C8542}" dt="2022-08-16T19:11:16.594" v="2126" actId="478"/>
          <ac:spMkLst>
            <pc:docMk/>
            <pc:sldMk cId="2113485509" sldId="287"/>
            <ac:spMk id="5" creationId="{454DC691-6884-11B5-2335-A477FA1DE2F6}"/>
          </ac:spMkLst>
        </pc:spChg>
        <pc:spChg chg="del">
          <ac:chgData name="Matias Vázquez Piñón" userId="2f86a967-3c9c-4a39-b538-7e6c0574d83d" providerId="ADAL" clId="{214B05F5-CDC9-49A7-9890-C2F0602C8542}" dt="2022-08-16T19:11:20.591" v="2127" actId="478"/>
          <ac:spMkLst>
            <pc:docMk/>
            <pc:sldMk cId="2113485509" sldId="287"/>
            <ac:spMk id="7" creationId="{24F3A652-A70B-1787-8761-F471B27FEC10}"/>
          </ac:spMkLst>
        </pc:spChg>
        <pc:spChg chg="del">
          <ac:chgData name="Matias Vázquez Piñón" userId="2f86a967-3c9c-4a39-b538-7e6c0574d83d" providerId="ADAL" clId="{214B05F5-CDC9-49A7-9890-C2F0602C8542}" dt="2022-08-16T18:41:55.319" v="1949" actId="22"/>
          <ac:spMkLst>
            <pc:docMk/>
            <pc:sldMk cId="2113485509" sldId="287"/>
            <ac:spMk id="8" creationId="{050CE185-B949-A31C-6AB6-E92EA368635C}"/>
          </ac:spMkLst>
        </pc:spChg>
        <pc:spChg chg="del">
          <ac:chgData name="Matias Vázquez Piñón" userId="2f86a967-3c9c-4a39-b538-7e6c0574d83d" providerId="ADAL" clId="{214B05F5-CDC9-49A7-9890-C2F0602C8542}" dt="2022-08-16T18:42:13.057" v="1950" actId="22"/>
          <ac:spMkLst>
            <pc:docMk/>
            <pc:sldMk cId="2113485509" sldId="287"/>
            <ac:spMk id="9" creationId="{480DC116-E4A0-451E-F948-F2A99A0C1757}"/>
          </ac:spMkLst>
        </pc:spChg>
        <pc:spChg chg="del">
          <ac:chgData name="Matias Vázquez Piñón" userId="2f86a967-3c9c-4a39-b538-7e6c0574d83d" providerId="ADAL" clId="{214B05F5-CDC9-49A7-9890-C2F0602C8542}" dt="2022-08-16T18:42:36.339" v="1951" actId="22"/>
          <ac:spMkLst>
            <pc:docMk/>
            <pc:sldMk cId="2113485509" sldId="287"/>
            <ac:spMk id="10" creationId="{F6CBC778-9E20-B4F2-D086-FDF234D098B9}"/>
          </ac:spMkLst>
        </pc:spChg>
        <pc:picChg chg="add mod ord modCrop">
          <ac:chgData name="Matias Vázquez Piñón" userId="2f86a967-3c9c-4a39-b538-7e6c0574d83d" providerId="ADAL" clId="{214B05F5-CDC9-49A7-9890-C2F0602C8542}" dt="2022-08-16T19:11:27.339" v="2128" actId="1076"/>
          <ac:picMkLst>
            <pc:docMk/>
            <pc:sldMk cId="2113485509" sldId="287"/>
            <ac:picMk id="13" creationId="{C52FB02C-E055-5C64-2C6D-B6AE6F761A44}"/>
          </ac:picMkLst>
        </pc:picChg>
        <pc:picChg chg="add mod ord modCrop">
          <ac:chgData name="Matias Vázquez Piñón" userId="2f86a967-3c9c-4a39-b538-7e6c0574d83d" providerId="ADAL" clId="{214B05F5-CDC9-49A7-9890-C2F0602C8542}" dt="2022-08-16T19:11:27.339" v="2128" actId="1076"/>
          <ac:picMkLst>
            <pc:docMk/>
            <pc:sldMk cId="2113485509" sldId="287"/>
            <ac:picMk id="15" creationId="{4FF25913-7B46-A0CD-95CF-199A9643C90C}"/>
          </ac:picMkLst>
        </pc:picChg>
        <pc:picChg chg="add mod ord modCrop">
          <ac:chgData name="Matias Vázquez Piñón" userId="2f86a967-3c9c-4a39-b538-7e6c0574d83d" providerId="ADAL" clId="{214B05F5-CDC9-49A7-9890-C2F0602C8542}" dt="2022-08-16T19:11:27.339" v="2128" actId="1076"/>
          <ac:picMkLst>
            <pc:docMk/>
            <pc:sldMk cId="2113485509" sldId="287"/>
            <ac:picMk id="17" creationId="{C47AF0FC-298E-46D8-F667-66F4FAFF9A3C}"/>
          </ac:picMkLst>
        </pc:picChg>
        <pc:inkChg chg="add del">
          <ac:chgData name="Matias Vázquez Piñón" userId="2f86a967-3c9c-4a39-b538-7e6c0574d83d" providerId="ADAL" clId="{214B05F5-CDC9-49A7-9890-C2F0602C8542}" dt="2022-08-17T19:08:06.035" v="2991" actId="478"/>
          <ac:inkMkLst>
            <pc:docMk/>
            <pc:sldMk cId="2113485509" sldId="287"/>
            <ac:inkMk id="18" creationId="{17BB4F3A-9B57-488C-E293-AA58F61FCA86}"/>
          </ac:inkMkLst>
        </pc:inkChg>
      </pc:sldChg>
      <pc:sldChg chg="addSp delSp modSp new mod modClrScheme chgLayout">
        <pc:chgData name="Matias Vázquez Piñón" userId="2f86a967-3c9c-4a39-b538-7e6c0574d83d" providerId="ADAL" clId="{214B05F5-CDC9-49A7-9890-C2F0602C8542}" dt="2022-08-19T18:32:03.406" v="4743" actId="1076"/>
        <pc:sldMkLst>
          <pc:docMk/>
          <pc:sldMk cId="583678347" sldId="288"/>
        </pc:sldMkLst>
        <pc:spChg chg="del mod ord">
          <ac:chgData name="Matias Vázquez Piñón" userId="2f86a967-3c9c-4a39-b538-7e6c0574d83d" providerId="ADAL" clId="{214B05F5-CDC9-49A7-9890-C2F0602C8542}" dt="2022-08-16T18:49:15.916" v="1964" actId="700"/>
          <ac:spMkLst>
            <pc:docMk/>
            <pc:sldMk cId="583678347" sldId="288"/>
            <ac:spMk id="2" creationId="{5360B940-A671-4A66-00F5-B203DED0B36D}"/>
          </ac:spMkLst>
        </pc:spChg>
        <pc:spChg chg="mod ord">
          <ac:chgData name="Matias Vázquez Piñón" userId="2f86a967-3c9c-4a39-b538-7e6c0574d83d" providerId="ADAL" clId="{214B05F5-CDC9-49A7-9890-C2F0602C8542}" dt="2022-08-16T19:04:29.920" v="2043" actId="700"/>
          <ac:spMkLst>
            <pc:docMk/>
            <pc:sldMk cId="583678347" sldId="288"/>
            <ac:spMk id="3" creationId="{5F16F9B2-B23E-841F-0C4C-A2C7B206786A}"/>
          </ac:spMkLst>
        </pc:spChg>
        <pc:spChg chg="add del mod ord">
          <ac:chgData name="Matias Vázquez Piñón" userId="2f86a967-3c9c-4a39-b538-7e6c0574d83d" providerId="ADAL" clId="{214B05F5-CDC9-49A7-9890-C2F0602C8542}" dt="2022-08-16T19:04:03.674" v="2040" actId="478"/>
          <ac:spMkLst>
            <pc:docMk/>
            <pc:sldMk cId="583678347" sldId="288"/>
            <ac:spMk id="4" creationId="{006A0691-F369-55D1-324C-9CE4BACE951B}"/>
          </ac:spMkLst>
        </pc:spChg>
        <pc:spChg chg="add del mod ord">
          <ac:chgData name="Matias Vázquez Piñón" userId="2f86a967-3c9c-4a39-b538-7e6c0574d83d" providerId="ADAL" clId="{214B05F5-CDC9-49A7-9890-C2F0602C8542}" dt="2022-08-16T18:51:04.566" v="1974" actId="700"/>
          <ac:spMkLst>
            <pc:docMk/>
            <pc:sldMk cId="583678347" sldId="288"/>
            <ac:spMk id="5" creationId="{B03C07B0-8ADA-9B5F-29AF-D7874B7DCE2F}"/>
          </ac:spMkLst>
        </pc:spChg>
        <pc:spChg chg="add del mod ord">
          <ac:chgData name="Matias Vázquez Piñón" userId="2f86a967-3c9c-4a39-b538-7e6c0574d83d" providerId="ADAL" clId="{214B05F5-CDC9-49A7-9890-C2F0602C8542}" dt="2022-08-16T18:49:53.251" v="1969" actId="22"/>
          <ac:spMkLst>
            <pc:docMk/>
            <pc:sldMk cId="583678347" sldId="288"/>
            <ac:spMk id="6" creationId="{533CF8E6-B68C-51F4-1E09-C3DACCBC81ED}"/>
          </ac:spMkLst>
        </pc:spChg>
        <pc:spChg chg="add del mod ord">
          <ac:chgData name="Matias Vázquez Piñón" userId="2f86a967-3c9c-4a39-b538-7e6c0574d83d" providerId="ADAL" clId="{214B05F5-CDC9-49A7-9890-C2F0602C8542}" dt="2022-08-16T18:50:31.959" v="1971" actId="22"/>
          <ac:spMkLst>
            <pc:docMk/>
            <pc:sldMk cId="583678347" sldId="288"/>
            <ac:spMk id="7" creationId="{27952D4E-1740-B1D7-7CD4-8129DD36437C}"/>
          </ac:spMkLst>
        </pc:spChg>
        <pc:spChg chg="add del mod">
          <ac:chgData name="Matias Vázquez Piñón" userId="2f86a967-3c9c-4a39-b538-7e6c0574d83d" providerId="ADAL" clId="{214B05F5-CDC9-49A7-9890-C2F0602C8542}" dt="2022-08-16T18:59:51.837" v="2003" actId="478"/>
          <ac:spMkLst>
            <pc:docMk/>
            <pc:sldMk cId="583678347" sldId="288"/>
            <ac:spMk id="16" creationId="{0A9EBFDA-8A57-84BA-EAFE-3591D9A5A50A}"/>
          </ac:spMkLst>
        </pc:spChg>
        <pc:spChg chg="add del mod ord">
          <ac:chgData name="Matias Vázquez Piñón" userId="2f86a967-3c9c-4a39-b538-7e6c0574d83d" providerId="ADAL" clId="{214B05F5-CDC9-49A7-9890-C2F0602C8542}" dt="2022-08-16T19:00:13.790" v="2007"/>
          <ac:spMkLst>
            <pc:docMk/>
            <pc:sldMk cId="583678347" sldId="288"/>
            <ac:spMk id="17" creationId="{FE391ED9-A7F7-40C9-C85C-C401735A6426}"/>
          </ac:spMkLst>
        </pc:spChg>
        <pc:spChg chg="add del mod ord">
          <ac:chgData name="Matias Vázquez Piñón" userId="2f86a967-3c9c-4a39-b538-7e6c0574d83d" providerId="ADAL" clId="{214B05F5-CDC9-49A7-9890-C2F0602C8542}" dt="2022-08-16T19:01:31.032" v="2023"/>
          <ac:spMkLst>
            <pc:docMk/>
            <pc:sldMk cId="583678347" sldId="288"/>
            <ac:spMk id="18" creationId="{15265460-937B-ECC9-8137-7577A4C05E43}"/>
          </ac:spMkLst>
        </pc:spChg>
        <pc:spChg chg="add del mod ord">
          <ac:chgData name="Matias Vázquez Piñón" userId="2f86a967-3c9c-4a39-b538-7e6c0574d83d" providerId="ADAL" clId="{214B05F5-CDC9-49A7-9890-C2F0602C8542}" dt="2022-08-16T19:03:57.874" v="2036" actId="478"/>
          <ac:spMkLst>
            <pc:docMk/>
            <pc:sldMk cId="583678347" sldId="288"/>
            <ac:spMk id="19" creationId="{CB5D56DB-23B5-DEB4-BD32-877D6E070A7F}"/>
          </ac:spMkLst>
        </pc:spChg>
        <pc:spChg chg="add del mod ord">
          <ac:chgData name="Matias Vázquez Piñón" userId="2f86a967-3c9c-4a39-b538-7e6c0574d83d" providerId="ADAL" clId="{214B05F5-CDC9-49A7-9890-C2F0602C8542}" dt="2022-08-16T19:04:01.582" v="2039" actId="478"/>
          <ac:spMkLst>
            <pc:docMk/>
            <pc:sldMk cId="583678347" sldId="288"/>
            <ac:spMk id="20" creationId="{D093F095-603A-8CCD-0F64-DD2188635D9F}"/>
          </ac:spMkLst>
        </pc:spChg>
        <pc:spChg chg="add del mod ord">
          <ac:chgData name="Matias Vázquez Piñón" userId="2f86a967-3c9c-4a39-b538-7e6c0574d83d" providerId="ADAL" clId="{214B05F5-CDC9-49A7-9890-C2F0602C8542}" dt="2022-08-16T19:02:37.825" v="2029"/>
          <ac:spMkLst>
            <pc:docMk/>
            <pc:sldMk cId="583678347" sldId="288"/>
            <ac:spMk id="21" creationId="{EA23FEFC-FE92-2723-AAE3-8FAD023F119E}"/>
          </ac:spMkLst>
        </pc:spChg>
        <pc:spChg chg="add del mod ord">
          <ac:chgData name="Matias Vázquez Piñón" userId="2f86a967-3c9c-4a39-b538-7e6c0574d83d" providerId="ADAL" clId="{214B05F5-CDC9-49A7-9890-C2F0602C8542}" dt="2022-08-16T19:04:00.873" v="2038" actId="478"/>
          <ac:spMkLst>
            <pc:docMk/>
            <pc:sldMk cId="583678347" sldId="288"/>
            <ac:spMk id="22" creationId="{536FF398-761B-4BC3-7AEF-0D7EB4ACA0F1}"/>
          </ac:spMkLst>
        </pc:spChg>
        <pc:spChg chg="add del mod ord">
          <ac:chgData name="Matias Vázquez Piñón" userId="2f86a967-3c9c-4a39-b538-7e6c0574d83d" providerId="ADAL" clId="{214B05F5-CDC9-49A7-9890-C2F0602C8542}" dt="2022-08-16T19:03:59.272" v="2037" actId="478"/>
          <ac:spMkLst>
            <pc:docMk/>
            <pc:sldMk cId="583678347" sldId="288"/>
            <ac:spMk id="23" creationId="{C9884565-2080-1B67-402F-EE1B8BFECCF7}"/>
          </ac:spMkLst>
        </pc:spChg>
        <pc:spChg chg="add del mod">
          <ac:chgData name="Matias Vázquez Piñón" userId="2f86a967-3c9c-4a39-b538-7e6c0574d83d" providerId="ADAL" clId="{214B05F5-CDC9-49A7-9890-C2F0602C8542}" dt="2022-08-16T19:00:42.281" v="2011" actId="22"/>
          <ac:spMkLst>
            <pc:docMk/>
            <pc:sldMk cId="583678347" sldId="288"/>
            <ac:spMk id="24" creationId="{256EFF09-2B25-A9E0-25E3-39DB533C16FC}"/>
          </ac:spMkLst>
        </pc:spChg>
        <pc:spChg chg="add del mod">
          <ac:chgData name="Matias Vázquez Piñón" userId="2f86a967-3c9c-4a39-b538-7e6c0574d83d" providerId="ADAL" clId="{214B05F5-CDC9-49A7-9890-C2F0602C8542}" dt="2022-08-16T19:02:54.086" v="2030" actId="22"/>
          <ac:spMkLst>
            <pc:docMk/>
            <pc:sldMk cId="583678347" sldId="288"/>
            <ac:spMk id="29" creationId="{3E01C9A9-347B-21F5-8CF9-4FE50EC4B285}"/>
          </ac:spMkLst>
        </pc:spChg>
        <pc:spChg chg="add del mod">
          <ac:chgData name="Matias Vázquez Piñón" userId="2f86a967-3c9c-4a39-b538-7e6c0574d83d" providerId="ADAL" clId="{214B05F5-CDC9-49A7-9890-C2F0602C8542}" dt="2022-08-16T19:04:12.956" v="2042" actId="700"/>
          <ac:spMkLst>
            <pc:docMk/>
            <pc:sldMk cId="583678347" sldId="288"/>
            <ac:spMk id="33" creationId="{3DB9D2AB-80E3-1A82-6078-E44B8F6EF103}"/>
          </ac:spMkLst>
        </pc:spChg>
        <pc:spChg chg="add del mod">
          <ac:chgData name="Matias Vázquez Piñón" userId="2f86a967-3c9c-4a39-b538-7e6c0574d83d" providerId="ADAL" clId="{214B05F5-CDC9-49A7-9890-C2F0602C8542}" dt="2022-08-16T19:04:12.956" v="2042" actId="700"/>
          <ac:spMkLst>
            <pc:docMk/>
            <pc:sldMk cId="583678347" sldId="288"/>
            <ac:spMk id="34" creationId="{B95B4CF5-9939-7DB1-0823-4552C40EA41F}"/>
          </ac:spMkLst>
        </pc:spChg>
        <pc:spChg chg="add del mod">
          <ac:chgData name="Matias Vázquez Piñón" userId="2f86a967-3c9c-4a39-b538-7e6c0574d83d" providerId="ADAL" clId="{214B05F5-CDC9-49A7-9890-C2F0602C8542}" dt="2022-08-16T19:04:12.956" v="2042" actId="700"/>
          <ac:spMkLst>
            <pc:docMk/>
            <pc:sldMk cId="583678347" sldId="288"/>
            <ac:spMk id="35" creationId="{C11F7ABE-2166-B7DE-3124-28899F03CFA6}"/>
          </ac:spMkLst>
        </pc:spChg>
        <pc:spChg chg="add del mod">
          <ac:chgData name="Matias Vázquez Piñón" userId="2f86a967-3c9c-4a39-b538-7e6c0574d83d" providerId="ADAL" clId="{214B05F5-CDC9-49A7-9890-C2F0602C8542}" dt="2022-08-16T19:04:12.956" v="2042" actId="700"/>
          <ac:spMkLst>
            <pc:docMk/>
            <pc:sldMk cId="583678347" sldId="288"/>
            <ac:spMk id="36" creationId="{1FAA261D-2775-CADE-DD85-F6A1BD2E5983}"/>
          </ac:spMkLst>
        </pc:spChg>
        <pc:spChg chg="add del mod ord">
          <ac:chgData name="Matias Vázquez Piñón" userId="2f86a967-3c9c-4a39-b538-7e6c0574d83d" providerId="ADAL" clId="{214B05F5-CDC9-49A7-9890-C2F0602C8542}" dt="2022-08-16T19:04:29.920" v="2043" actId="700"/>
          <ac:spMkLst>
            <pc:docMk/>
            <pc:sldMk cId="583678347" sldId="288"/>
            <ac:spMk id="37" creationId="{95A3034F-5EDC-4D89-9941-63059BCAC05F}"/>
          </ac:spMkLst>
        </pc:spChg>
        <pc:spChg chg="add mod ord">
          <ac:chgData name="Matias Vázquez Piñón" userId="2f86a967-3c9c-4a39-b538-7e6c0574d83d" providerId="ADAL" clId="{214B05F5-CDC9-49A7-9890-C2F0602C8542}" dt="2022-08-16T19:04:40.156" v="2051" actId="20577"/>
          <ac:spMkLst>
            <pc:docMk/>
            <pc:sldMk cId="583678347" sldId="288"/>
            <ac:spMk id="38" creationId="{4CF32978-3944-3E20-DFB3-4721065E8CDC}"/>
          </ac:spMkLst>
        </pc:spChg>
        <pc:spChg chg="add del mod ord">
          <ac:chgData name="Matias Vázquez Piñón" userId="2f86a967-3c9c-4a39-b538-7e6c0574d83d" providerId="ADAL" clId="{214B05F5-CDC9-49A7-9890-C2F0602C8542}" dt="2022-08-16T19:04:30.931" v="2044" actId="22"/>
          <ac:spMkLst>
            <pc:docMk/>
            <pc:sldMk cId="583678347" sldId="288"/>
            <ac:spMk id="39" creationId="{93C507D9-3E32-2713-10EF-C97C0380CC64}"/>
          </ac:spMkLst>
        </pc:spChg>
        <pc:spChg chg="add del mod">
          <ac:chgData name="Matias Vázquez Piñón" userId="2f86a967-3c9c-4a39-b538-7e6c0574d83d" providerId="ADAL" clId="{214B05F5-CDC9-49A7-9890-C2F0602C8542}" dt="2022-08-16T19:05:10.260" v="2055" actId="22"/>
          <ac:spMkLst>
            <pc:docMk/>
            <pc:sldMk cId="583678347" sldId="288"/>
            <ac:spMk id="42" creationId="{11CAF720-12E4-945B-C601-487DA986102F}"/>
          </ac:spMkLst>
        </pc:spChg>
        <pc:spChg chg="add mod">
          <ac:chgData name="Matias Vázquez Piñón" userId="2f86a967-3c9c-4a39-b538-7e6c0574d83d" providerId="ADAL" clId="{214B05F5-CDC9-49A7-9890-C2F0602C8542}" dt="2022-08-16T19:05:31.078" v="2062" actId="14100"/>
          <ac:spMkLst>
            <pc:docMk/>
            <pc:sldMk cId="583678347" sldId="288"/>
            <ac:spMk id="47" creationId="{91AE9E5B-E00A-CFFE-C30E-5925B395AF94}"/>
          </ac:spMkLst>
        </pc:spChg>
        <pc:spChg chg="add mod">
          <ac:chgData name="Matias Vázquez Piñón" userId="2f86a967-3c9c-4a39-b538-7e6c0574d83d" providerId="ADAL" clId="{214B05F5-CDC9-49A7-9890-C2F0602C8542}" dt="2022-08-16T19:05:37.341" v="2064" actId="1076"/>
          <ac:spMkLst>
            <pc:docMk/>
            <pc:sldMk cId="583678347" sldId="288"/>
            <ac:spMk id="48" creationId="{E1ABD56C-BECB-1701-C8CA-E595CDD7B9F2}"/>
          </ac:spMkLst>
        </pc:spChg>
        <pc:picChg chg="add del mod ord modCrop">
          <ac:chgData name="Matias Vázquez Piñón" userId="2f86a967-3c9c-4a39-b538-7e6c0574d83d" providerId="ADAL" clId="{214B05F5-CDC9-49A7-9890-C2F0602C8542}" dt="2022-08-16T19:00:12.049" v="2006" actId="21"/>
          <ac:picMkLst>
            <pc:docMk/>
            <pc:sldMk cId="583678347" sldId="288"/>
            <ac:picMk id="9" creationId="{A3F89D89-0D54-8B69-AFBE-C284F95E2846}"/>
          </ac:picMkLst>
        </pc:picChg>
        <pc:picChg chg="add del mod ord modCrop">
          <ac:chgData name="Matias Vázquez Piñón" userId="2f86a967-3c9c-4a39-b538-7e6c0574d83d" providerId="ADAL" clId="{214B05F5-CDC9-49A7-9890-C2F0602C8542}" dt="2022-08-16T18:59:46.108" v="2002" actId="478"/>
          <ac:picMkLst>
            <pc:docMk/>
            <pc:sldMk cId="583678347" sldId="288"/>
            <ac:picMk id="11" creationId="{4AB5C3D4-A0F3-19D7-895A-EB88EA612434}"/>
          </ac:picMkLst>
        </pc:picChg>
        <pc:picChg chg="add del mod">
          <ac:chgData name="Matias Vázquez Piñón" userId="2f86a967-3c9c-4a39-b538-7e6c0574d83d" providerId="ADAL" clId="{214B05F5-CDC9-49A7-9890-C2F0602C8542}" dt="2022-08-16T19:01:27.625" v="2020" actId="21"/>
          <ac:picMkLst>
            <pc:docMk/>
            <pc:sldMk cId="583678347" sldId="288"/>
            <ac:picMk id="13" creationId="{6DDC5B0C-447D-D2BE-D63D-4A1E99CAEE88}"/>
          </ac:picMkLst>
        </pc:picChg>
        <pc:picChg chg="add del mod ord">
          <ac:chgData name="Matias Vázquez Piñón" userId="2f86a967-3c9c-4a39-b538-7e6c0574d83d" providerId="ADAL" clId="{214B05F5-CDC9-49A7-9890-C2F0602C8542}" dt="2022-08-16T19:04:09.868" v="2041" actId="478"/>
          <ac:picMkLst>
            <pc:docMk/>
            <pc:sldMk cId="583678347" sldId="288"/>
            <ac:picMk id="15" creationId="{8B69D302-1F6B-1796-44AA-A4C12B0A3E6C}"/>
          </ac:picMkLst>
        </pc:picChg>
        <pc:picChg chg="add del mod">
          <ac:chgData name="Matias Vázquez Piñón" userId="2f86a967-3c9c-4a39-b538-7e6c0574d83d" providerId="ADAL" clId="{214B05F5-CDC9-49A7-9890-C2F0602C8542}" dt="2022-08-16T19:04:09.868" v="2041" actId="478"/>
          <ac:picMkLst>
            <pc:docMk/>
            <pc:sldMk cId="583678347" sldId="288"/>
            <ac:picMk id="25" creationId="{965CEA14-4933-3CD7-1321-2CAB3347CBD5}"/>
          </ac:picMkLst>
        </pc:picChg>
        <pc:picChg chg="add del mod ord">
          <ac:chgData name="Matias Vázquez Piñón" userId="2f86a967-3c9c-4a39-b538-7e6c0574d83d" providerId="ADAL" clId="{214B05F5-CDC9-49A7-9890-C2F0602C8542}" dt="2022-08-16T19:02:36.415" v="2028" actId="21"/>
          <ac:picMkLst>
            <pc:docMk/>
            <pc:sldMk cId="583678347" sldId="288"/>
            <ac:picMk id="27" creationId="{193ABE4B-63FA-CA52-9E27-DE6501585E55}"/>
          </ac:picMkLst>
        </pc:picChg>
        <pc:picChg chg="add del mod">
          <ac:chgData name="Matias Vázquez Piñón" userId="2f86a967-3c9c-4a39-b538-7e6c0574d83d" providerId="ADAL" clId="{214B05F5-CDC9-49A7-9890-C2F0602C8542}" dt="2022-08-16T19:04:09.868" v="2041" actId="478"/>
          <ac:picMkLst>
            <pc:docMk/>
            <pc:sldMk cId="583678347" sldId="288"/>
            <ac:picMk id="28" creationId="{023DB9C5-407C-C278-CEBD-C5A10D243D15}"/>
          </ac:picMkLst>
        </pc:picChg>
        <pc:picChg chg="add del mod">
          <ac:chgData name="Matias Vázquez Piñón" userId="2f86a967-3c9c-4a39-b538-7e6c0574d83d" providerId="ADAL" clId="{214B05F5-CDC9-49A7-9890-C2F0602C8542}" dt="2022-08-16T19:04:09.868" v="2041" actId="478"/>
          <ac:picMkLst>
            <pc:docMk/>
            <pc:sldMk cId="583678347" sldId="288"/>
            <ac:picMk id="30" creationId="{12675178-FA4D-28A1-6017-E234696FCBE6}"/>
          </ac:picMkLst>
        </pc:picChg>
        <pc:picChg chg="add del mod ord">
          <ac:chgData name="Matias Vázquez Piñón" userId="2f86a967-3c9c-4a39-b538-7e6c0574d83d" providerId="ADAL" clId="{214B05F5-CDC9-49A7-9890-C2F0602C8542}" dt="2022-08-16T19:04:09.868" v="2041" actId="478"/>
          <ac:picMkLst>
            <pc:docMk/>
            <pc:sldMk cId="583678347" sldId="288"/>
            <ac:picMk id="32" creationId="{BB20ABCE-ADDA-602B-0B84-001629407A03}"/>
          </ac:picMkLst>
        </pc:picChg>
        <pc:picChg chg="add del mod ord">
          <ac:chgData name="Matias Vázquez Piñón" userId="2f86a967-3c9c-4a39-b538-7e6c0574d83d" providerId="ADAL" clId="{214B05F5-CDC9-49A7-9890-C2F0602C8542}" dt="2022-08-16T19:05:06.534" v="2052" actId="478"/>
          <ac:picMkLst>
            <pc:docMk/>
            <pc:sldMk cId="583678347" sldId="288"/>
            <ac:picMk id="41" creationId="{7D263A68-790A-2CDE-352E-933C66BEAACE}"/>
          </ac:picMkLst>
        </pc:picChg>
        <pc:picChg chg="add del">
          <ac:chgData name="Matias Vázquez Piñón" userId="2f86a967-3c9c-4a39-b538-7e6c0574d83d" providerId="ADAL" clId="{214B05F5-CDC9-49A7-9890-C2F0602C8542}" dt="2022-08-16T19:05:08.888" v="2054" actId="22"/>
          <ac:picMkLst>
            <pc:docMk/>
            <pc:sldMk cId="583678347" sldId="288"/>
            <ac:picMk id="44" creationId="{A5DA45D5-00B1-5AB2-FC57-B5B606920AC4}"/>
          </ac:picMkLst>
        </pc:picChg>
        <pc:picChg chg="add mod ord">
          <ac:chgData name="Matias Vázquez Piñón" userId="2f86a967-3c9c-4a39-b538-7e6c0574d83d" providerId="ADAL" clId="{214B05F5-CDC9-49A7-9890-C2F0602C8542}" dt="2022-08-19T18:32:03.406" v="4743" actId="1076"/>
          <ac:picMkLst>
            <pc:docMk/>
            <pc:sldMk cId="583678347" sldId="288"/>
            <ac:picMk id="46" creationId="{9975ADA6-EC0F-9D28-5EFA-D889D33993D1}"/>
          </ac:picMkLst>
        </pc:picChg>
        <pc:inkChg chg="add del">
          <ac:chgData name="Matias Vázquez Piñón" userId="2f86a967-3c9c-4a39-b538-7e6c0574d83d" providerId="ADAL" clId="{214B05F5-CDC9-49A7-9890-C2F0602C8542}" dt="2022-08-19T18:31:48.075" v="4740" actId="9405"/>
          <ac:inkMkLst>
            <pc:docMk/>
            <pc:sldMk cId="583678347" sldId="288"/>
            <ac:inkMk id="2" creationId="{329F0004-10D3-BE4B-B65E-135F4E6E52A4}"/>
          </ac:inkMkLst>
        </pc:inkChg>
        <pc:inkChg chg="add del">
          <ac:chgData name="Matias Vázquez Piñón" userId="2f86a967-3c9c-4a39-b538-7e6c0574d83d" providerId="ADAL" clId="{214B05F5-CDC9-49A7-9890-C2F0602C8542}" dt="2022-08-19T18:31:47.374" v="4739" actId="9405"/>
          <ac:inkMkLst>
            <pc:docMk/>
            <pc:sldMk cId="583678347" sldId="288"/>
            <ac:inkMk id="4" creationId="{D8C8A966-5919-110C-534A-A6C9138F31DA}"/>
          </ac:inkMkLst>
        </pc:inkChg>
        <pc:inkChg chg="add del">
          <ac:chgData name="Matias Vázquez Piñón" userId="2f86a967-3c9c-4a39-b538-7e6c0574d83d" providerId="ADAL" clId="{214B05F5-CDC9-49A7-9890-C2F0602C8542}" dt="2022-08-16T21:00:59.460" v="2135" actId="478"/>
          <ac:inkMkLst>
            <pc:docMk/>
            <pc:sldMk cId="583678347" sldId="288"/>
            <ac:inkMk id="49" creationId="{ED578A67-EBF7-333A-88B8-7AEF1F1408F4}"/>
          </ac:inkMkLst>
        </pc:inkChg>
      </pc:sldChg>
      <pc:sldChg chg="addSp delSp modSp add mod">
        <pc:chgData name="Matias Vázquez Piñón" userId="2f86a967-3c9c-4a39-b538-7e6c0574d83d" providerId="ADAL" clId="{214B05F5-CDC9-49A7-9890-C2F0602C8542}" dt="2022-08-19T18:32:10.033" v="4745" actId="1035"/>
        <pc:sldMkLst>
          <pc:docMk/>
          <pc:sldMk cId="2261103467" sldId="289"/>
        </pc:sldMkLst>
        <pc:spChg chg="add del mod">
          <ac:chgData name="Matias Vázquez Piñón" userId="2f86a967-3c9c-4a39-b538-7e6c0574d83d" providerId="ADAL" clId="{214B05F5-CDC9-49A7-9890-C2F0602C8542}" dt="2022-08-16T19:06:13.962" v="2071" actId="22"/>
          <ac:spMkLst>
            <pc:docMk/>
            <pc:sldMk cId="2261103467" sldId="289"/>
            <ac:spMk id="5" creationId="{C3981586-0A65-F2C6-F866-84F1E52D50D1}"/>
          </ac:spMkLst>
        </pc:spChg>
        <pc:spChg chg="add mod">
          <ac:chgData name="Matias Vázquez Piñón" userId="2f86a967-3c9c-4a39-b538-7e6c0574d83d" providerId="ADAL" clId="{214B05F5-CDC9-49A7-9890-C2F0602C8542}" dt="2022-08-16T19:06:26.619" v="2073" actId="1076"/>
          <ac:spMkLst>
            <pc:docMk/>
            <pc:sldMk cId="2261103467" sldId="289"/>
            <ac:spMk id="10" creationId="{AA49A292-0953-7F5A-B02A-0B54C09335E4}"/>
          </ac:spMkLst>
        </pc:spChg>
        <pc:spChg chg="add mod">
          <ac:chgData name="Matias Vázquez Piñón" userId="2f86a967-3c9c-4a39-b538-7e6c0574d83d" providerId="ADAL" clId="{214B05F5-CDC9-49A7-9890-C2F0602C8542}" dt="2022-08-16T19:06:26.619" v="2073" actId="1076"/>
          <ac:spMkLst>
            <pc:docMk/>
            <pc:sldMk cId="2261103467" sldId="289"/>
            <ac:spMk id="11" creationId="{105BF316-1D90-1F6F-CCB1-C54B1A598CBF}"/>
          </ac:spMkLst>
        </pc:spChg>
        <pc:spChg chg="add mod">
          <ac:chgData name="Matias Vázquez Piñón" userId="2f86a967-3c9c-4a39-b538-7e6c0574d83d" providerId="ADAL" clId="{214B05F5-CDC9-49A7-9890-C2F0602C8542}" dt="2022-08-16T19:07:56.652" v="2112" actId="14100"/>
          <ac:spMkLst>
            <pc:docMk/>
            <pc:sldMk cId="2261103467" sldId="289"/>
            <ac:spMk id="12" creationId="{233441E0-7B18-0A73-33A4-63B762EAE8AE}"/>
          </ac:spMkLst>
        </pc:spChg>
        <pc:picChg chg="add del">
          <ac:chgData name="Matias Vázquez Piñón" userId="2f86a967-3c9c-4a39-b538-7e6c0574d83d" providerId="ADAL" clId="{214B05F5-CDC9-49A7-9890-C2F0602C8542}" dt="2022-08-16T19:06:09.858" v="2067" actId="22"/>
          <ac:picMkLst>
            <pc:docMk/>
            <pc:sldMk cId="2261103467" sldId="289"/>
            <ac:picMk id="4" creationId="{02775381-4E4F-6B17-F73E-7D32902F4A70}"/>
          </ac:picMkLst>
        </pc:picChg>
        <pc:picChg chg="add del">
          <ac:chgData name="Matias Vázquez Piñón" userId="2f86a967-3c9c-4a39-b538-7e6c0574d83d" providerId="ADAL" clId="{214B05F5-CDC9-49A7-9890-C2F0602C8542}" dt="2022-08-16T19:06:12.808" v="2070" actId="22"/>
          <ac:picMkLst>
            <pc:docMk/>
            <pc:sldMk cId="2261103467" sldId="289"/>
            <ac:picMk id="7" creationId="{1DE7C199-3051-ECC1-B5C2-396B726985AA}"/>
          </ac:picMkLst>
        </pc:picChg>
        <pc:picChg chg="add mod ord">
          <ac:chgData name="Matias Vázquez Piñón" userId="2f86a967-3c9c-4a39-b538-7e6c0574d83d" providerId="ADAL" clId="{214B05F5-CDC9-49A7-9890-C2F0602C8542}" dt="2022-08-19T18:32:10.033" v="4745" actId="1035"/>
          <ac:picMkLst>
            <pc:docMk/>
            <pc:sldMk cId="2261103467" sldId="289"/>
            <ac:picMk id="9" creationId="{5CFDBF66-B747-1A7E-314F-AB09BE80241E}"/>
          </ac:picMkLst>
        </pc:picChg>
        <pc:picChg chg="del">
          <ac:chgData name="Matias Vázquez Piñón" userId="2f86a967-3c9c-4a39-b538-7e6c0574d83d" providerId="ADAL" clId="{214B05F5-CDC9-49A7-9890-C2F0602C8542}" dt="2022-08-16T19:06:11.176" v="2068" actId="478"/>
          <ac:picMkLst>
            <pc:docMk/>
            <pc:sldMk cId="2261103467" sldId="289"/>
            <ac:picMk id="46" creationId="{9975ADA6-EC0F-9D28-5EFA-D889D33993D1}"/>
          </ac:picMkLst>
        </pc:picChg>
      </pc:sldChg>
      <pc:sldChg chg="addSp delSp modSp add mod">
        <pc:chgData name="Matias Vázquez Piñón" userId="2f86a967-3c9c-4a39-b538-7e6c0574d83d" providerId="ADAL" clId="{214B05F5-CDC9-49A7-9890-C2F0602C8542}" dt="2022-08-19T18:33:31.010" v="4764" actId="1037"/>
        <pc:sldMkLst>
          <pc:docMk/>
          <pc:sldMk cId="743029601" sldId="290"/>
        </pc:sldMkLst>
        <pc:spChg chg="add del mod">
          <ac:chgData name="Matias Vázquez Piñón" userId="2f86a967-3c9c-4a39-b538-7e6c0574d83d" providerId="ADAL" clId="{214B05F5-CDC9-49A7-9890-C2F0602C8542}" dt="2022-08-16T19:07:16.190" v="2078" actId="22"/>
          <ac:spMkLst>
            <pc:docMk/>
            <pc:sldMk cId="743029601" sldId="290"/>
            <ac:spMk id="2" creationId="{BA8C4456-A79F-B36C-E50C-651941BAD36A}"/>
          </ac:spMkLst>
        </pc:spChg>
        <pc:spChg chg="add mod">
          <ac:chgData name="Matias Vázquez Piñón" userId="2f86a967-3c9c-4a39-b538-7e6c0574d83d" providerId="ADAL" clId="{214B05F5-CDC9-49A7-9890-C2F0602C8542}" dt="2022-08-19T18:33:31.010" v="4764" actId="1037"/>
          <ac:spMkLst>
            <pc:docMk/>
            <pc:sldMk cId="743029601" sldId="290"/>
            <ac:spMk id="8" creationId="{832207E2-FD80-6C4A-7D9C-C612D8397552}"/>
          </ac:spMkLst>
        </pc:spChg>
        <pc:spChg chg="add del mod">
          <ac:chgData name="Matias Vázquez Piñón" userId="2f86a967-3c9c-4a39-b538-7e6c0574d83d" providerId="ADAL" clId="{214B05F5-CDC9-49A7-9890-C2F0602C8542}" dt="2022-08-16T19:14:28.856" v="2130" actId="478"/>
          <ac:spMkLst>
            <pc:docMk/>
            <pc:sldMk cId="743029601" sldId="290"/>
            <ac:spMk id="12" creationId="{0004C5CE-0910-E1A9-A194-8CC283007F24}"/>
          </ac:spMkLst>
        </pc:spChg>
        <pc:spChg chg="add mod">
          <ac:chgData name="Matias Vázquez Piñón" userId="2f86a967-3c9c-4a39-b538-7e6c0574d83d" providerId="ADAL" clId="{214B05F5-CDC9-49A7-9890-C2F0602C8542}" dt="2022-08-19T18:33:15.664" v="4762" actId="1076"/>
          <ac:spMkLst>
            <pc:docMk/>
            <pc:sldMk cId="743029601" sldId="290"/>
            <ac:spMk id="13" creationId="{C7B26FF1-8B10-AEF6-9048-F71D6DD8CF12}"/>
          </ac:spMkLst>
        </pc:spChg>
        <pc:picChg chg="add del">
          <ac:chgData name="Matias Vázquez Piñón" userId="2f86a967-3c9c-4a39-b538-7e6c0574d83d" providerId="ADAL" clId="{214B05F5-CDC9-49A7-9890-C2F0602C8542}" dt="2022-08-16T19:07:14.830" v="2077" actId="22"/>
          <ac:picMkLst>
            <pc:docMk/>
            <pc:sldMk cId="743029601" sldId="290"/>
            <ac:picMk id="5" creationId="{89E54946-5FCD-9636-E2EB-9653929199A6}"/>
          </ac:picMkLst>
        </pc:picChg>
        <pc:picChg chg="add mod ord">
          <ac:chgData name="Matias Vázquez Piñón" userId="2f86a967-3c9c-4a39-b538-7e6c0574d83d" providerId="ADAL" clId="{214B05F5-CDC9-49A7-9890-C2F0602C8542}" dt="2022-08-19T18:33:08.692" v="4761" actId="1038"/>
          <ac:picMkLst>
            <pc:docMk/>
            <pc:sldMk cId="743029601" sldId="290"/>
            <ac:picMk id="7" creationId="{F56FDFF9-5BF5-10E5-EB22-E0697BC97743}"/>
          </ac:picMkLst>
        </pc:picChg>
        <pc:picChg chg="del">
          <ac:chgData name="Matias Vázquez Piñón" userId="2f86a967-3c9c-4a39-b538-7e6c0574d83d" providerId="ADAL" clId="{214B05F5-CDC9-49A7-9890-C2F0602C8542}" dt="2022-08-16T19:07:13.129" v="2075" actId="478"/>
          <ac:picMkLst>
            <pc:docMk/>
            <pc:sldMk cId="743029601" sldId="290"/>
            <ac:picMk id="9" creationId="{5CFDBF66-B747-1A7E-314F-AB09BE80241E}"/>
          </ac:picMkLst>
        </pc:picChg>
      </pc:sldChg>
      <pc:sldChg chg="addSp delSp modSp new mod ord modClrScheme chgLayout">
        <pc:chgData name="Matias Vázquez Piñón" userId="2f86a967-3c9c-4a39-b538-7e6c0574d83d" providerId="ADAL" clId="{214B05F5-CDC9-49A7-9890-C2F0602C8542}" dt="2022-08-19T18:36:04.520" v="4780" actId="20577"/>
        <pc:sldMkLst>
          <pc:docMk/>
          <pc:sldMk cId="78100160" sldId="291"/>
        </pc:sldMkLst>
        <pc:spChg chg="mod ord">
          <ac:chgData name="Matias Vázquez Piñón" userId="2f86a967-3c9c-4a39-b538-7e6c0574d83d" providerId="ADAL" clId="{214B05F5-CDC9-49A7-9890-C2F0602C8542}" dt="2022-08-19T18:33:53.395" v="4772" actId="20577"/>
          <ac:spMkLst>
            <pc:docMk/>
            <pc:sldMk cId="78100160" sldId="291"/>
            <ac:spMk id="2" creationId="{581E08DD-13DB-C63D-B4AA-5598208E69DD}"/>
          </ac:spMkLst>
        </pc:spChg>
        <pc:spChg chg="mod ord">
          <ac:chgData name="Matias Vázquez Piñón" userId="2f86a967-3c9c-4a39-b538-7e6c0574d83d" providerId="ADAL" clId="{214B05F5-CDC9-49A7-9890-C2F0602C8542}" dt="2022-08-19T18:36:04.520" v="4780" actId="20577"/>
          <ac:spMkLst>
            <pc:docMk/>
            <pc:sldMk cId="78100160" sldId="291"/>
            <ac:spMk id="3" creationId="{242D24D5-BDA6-81EB-7E83-D194FDD73077}"/>
          </ac:spMkLst>
        </pc:spChg>
        <pc:spChg chg="mod ord">
          <ac:chgData name="Matias Vázquez Piñón" userId="2f86a967-3c9c-4a39-b538-7e6c0574d83d" providerId="ADAL" clId="{214B05F5-CDC9-49A7-9890-C2F0602C8542}" dt="2022-08-17T19:07:36.892" v="2987" actId="700"/>
          <ac:spMkLst>
            <pc:docMk/>
            <pc:sldMk cId="78100160" sldId="291"/>
            <ac:spMk id="4" creationId="{71BA6C5B-BACA-109D-AFF9-42F2CC2BB38C}"/>
          </ac:spMkLst>
        </pc:spChg>
        <pc:spChg chg="add del mod ord">
          <ac:chgData name="Matias Vázquez Piñón" userId="2f86a967-3c9c-4a39-b538-7e6c0574d83d" providerId="ADAL" clId="{214B05F5-CDC9-49A7-9890-C2F0602C8542}" dt="2022-08-17T18:55:44.474" v="2648" actId="3680"/>
          <ac:spMkLst>
            <pc:docMk/>
            <pc:sldMk cId="78100160" sldId="291"/>
            <ac:spMk id="5" creationId="{B33D2C45-389E-094E-A01D-D80DA2AD26DA}"/>
          </ac:spMkLst>
        </pc:spChg>
        <pc:spChg chg="add del mod">
          <ac:chgData name="Matias Vázquez Piñón" userId="2f86a967-3c9c-4a39-b538-7e6c0574d83d" providerId="ADAL" clId="{214B05F5-CDC9-49A7-9890-C2F0602C8542}" dt="2022-08-17T19:08:38.401" v="2992"/>
          <ac:spMkLst>
            <pc:docMk/>
            <pc:sldMk cId="78100160" sldId="291"/>
            <ac:spMk id="8" creationId="{0B20D7EE-F377-CDEA-43E3-713F59FA2302}"/>
          </ac:spMkLst>
        </pc:spChg>
        <pc:spChg chg="add mod ord">
          <ac:chgData name="Matias Vázquez Piñón" userId="2f86a967-3c9c-4a39-b538-7e6c0574d83d" providerId="ADAL" clId="{214B05F5-CDC9-49A7-9890-C2F0602C8542}" dt="2022-08-17T19:12:11.553" v="3057" actId="164"/>
          <ac:spMkLst>
            <pc:docMk/>
            <pc:sldMk cId="78100160" sldId="291"/>
            <ac:spMk id="11" creationId="{49138F92-0722-A6F0-01C5-565AEE23BE78}"/>
          </ac:spMkLst>
        </pc:spChg>
        <pc:spChg chg="add del mod">
          <ac:chgData name="Matias Vázquez Piñón" userId="2f86a967-3c9c-4a39-b538-7e6c0574d83d" providerId="ADAL" clId="{214B05F5-CDC9-49A7-9890-C2F0602C8542}" dt="2022-08-17T19:12:07.836" v="3056" actId="478"/>
          <ac:spMkLst>
            <pc:docMk/>
            <pc:sldMk cId="78100160" sldId="291"/>
            <ac:spMk id="16" creationId="{D69706A8-2DF1-5405-C259-F4197A5E0944}"/>
          </ac:spMkLst>
        </pc:spChg>
        <pc:spChg chg="mod">
          <ac:chgData name="Matias Vázquez Piñón" userId="2f86a967-3c9c-4a39-b538-7e6c0574d83d" providerId="ADAL" clId="{214B05F5-CDC9-49A7-9890-C2F0602C8542}" dt="2022-08-17T19:12:21.825" v="3061" actId="20577"/>
          <ac:spMkLst>
            <pc:docMk/>
            <pc:sldMk cId="78100160" sldId="291"/>
            <ac:spMk id="24" creationId="{4FBEF6FE-6168-4610-EFBD-DED39D48E273}"/>
          </ac:spMkLst>
        </pc:spChg>
        <pc:spChg chg="mod">
          <ac:chgData name="Matias Vázquez Piñón" userId="2f86a967-3c9c-4a39-b538-7e6c0574d83d" providerId="ADAL" clId="{214B05F5-CDC9-49A7-9890-C2F0602C8542}" dt="2022-08-17T19:12:57.249" v="3069" actId="20577"/>
          <ac:spMkLst>
            <pc:docMk/>
            <pc:sldMk cId="78100160" sldId="291"/>
            <ac:spMk id="27" creationId="{CF953649-B90F-0A3E-20C6-AB93DDAF9CB4}"/>
          </ac:spMkLst>
        </pc:spChg>
        <pc:spChg chg="mod">
          <ac:chgData name="Matias Vázquez Piñón" userId="2f86a967-3c9c-4a39-b538-7e6c0574d83d" providerId="ADAL" clId="{214B05F5-CDC9-49A7-9890-C2F0602C8542}" dt="2022-08-17T19:13:15.577" v="3073" actId="20577"/>
          <ac:spMkLst>
            <pc:docMk/>
            <pc:sldMk cId="78100160" sldId="291"/>
            <ac:spMk id="30" creationId="{9ADD1E59-259A-BF7D-6274-941BB58D809C}"/>
          </ac:spMkLst>
        </pc:spChg>
        <pc:spChg chg="mod">
          <ac:chgData name="Matias Vázquez Piñón" userId="2f86a967-3c9c-4a39-b538-7e6c0574d83d" providerId="ADAL" clId="{214B05F5-CDC9-49A7-9890-C2F0602C8542}" dt="2022-08-17T19:13:47.264" v="3075"/>
          <ac:spMkLst>
            <pc:docMk/>
            <pc:sldMk cId="78100160" sldId="291"/>
            <ac:spMk id="33" creationId="{6EE64D1E-B170-B81D-B957-E9CCFE3A5F3D}"/>
          </ac:spMkLst>
        </pc:spChg>
        <pc:spChg chg="add mod">
          <ac:chgData name="Matias Vázquez Piñón" userId="2f86a967-3c9c-4a39-b538-7e6c0574d83d" providerId="ADAL" clId="{214B05F5-CDC9-49A7-9890-C2F0602C8542}" dt="2022-08-17T19:21:01.972" v="3273" actId="1076"/>
          <ac:spMkLst>
            <pc:docMk/>
            <pc:sldMk cId="78100160" sldId="291"/>
            <ac:spMk id="34" creationId="{3841CD2D-470C-1E2C-B631-5D57FFDBAC10}"/>
          </ac:spMkLst>
        </pc:spChg>
        <pc:grpChg chg="add mod">
          <ac:chgData name="Matias Vázquez Piñón" userId="2f86a967-3c9c-4a39-b538-7e6c0574d83d" providerId="ADAL" clId="{214B05F5-CDC9-49A7-9890-C2F0602C8542}" dt="2022-08-17T19:12:32.654" v="3062" actId="1076"/>
          <ac:grpSpMkLst>
            <pc:docMk/>
            <pc:sldMk cId="78100160" sldId="291"/>
            <ac:grpSpMk id="21" creationId="{761D4D42-DA79-2058-96BE-98D588553C5D}"/>
          </ac:grpSpMkLst>
        </pc:grpChg>
        <pc:grpChg chg="add mod">
          <ac:chgData name="Matias Vázquez Piñón" userId="2f86a967-3c9c-4a39-b538-7e6c0574d83d" providerId="ADAL" clId="{214B05F5-CDC9-49A7-9890-C2F0602C8542}" dt="2022-08-17T19:13:32.792" v="3074" actId="465"/>
          <ac:grpSpMkLst>
            <pc:docMk/>
            <pc:sldMk cId="78100160" sldId="291"/>
            <ac:grpSpMk id="22" creationId="{83AB6E16-F2DD-F2A6-BABA-F2436E221043}"/>
          </ac:grpSpMkLst>
        </pc:grpChg>
        <pc:grpChg chg="add mod">
          <ac:chgData name="Matias Vázquez Piñón" userId="2f86a967-3c9c-4a39-b538-7e6c0574d83d" providerId="ADAL" clId="{214B05F5-CDC9-49A7-9890-C2F0602C8542}" dt="2022-08-17T19:13:32.792" v="3074" actId="465"/>
          <ac:grpSpMkLst>
            <pc:docMk/>
            <pc:sldMk cId="78100160" sldId="291"/>
            <ac:grpSpMk id="25" creationId="{E6C8E30A-AE0F-FC0B-15B6-820BDEF0F567}"/>
          </ac:grpSpMkLst>
        </pc:grpChg>
        <pc:grpChg chg="add mod">
          <ac:chgData name="Matias Vázquez Piñón" userId="2f86a967-3c9c-4a39-b538-7e6c0574d83d" providerId="ADAL" clId="{214B05F5-CDC9-49A7-9890-C2F0602C8542}" dt="2022-08-17T19:13:12.401" v="3072" actId="1076"/>
          <ac:grpSpMkLst>
            <pc:docMk/>
            <pc:sldMk cId="78100160" sldId="291"/>
            <ac:grpSpMk id="28" creationId="{89204CD0-5D63-82FE-9D3D-B4A72F369057}"/>
          </ac:grpSpMkLst>
        </pc:grpChg>
        <pc:grpChg chg="add del mod">
          <ac:chgData name="Matias Vázquez Piñón" userId="2f86a967-3c9c-4a39-b538-7e6c0574d83d" providerId="ADAL" clId="{214B05F5-CDC9-49A7-9890-C2F0602C8542}" dt="2022-08-17T19:13:49.317" v="3076"/>
          <ac:grpSpMkLst>
            <pc:docMk/>
            <pc:sldMk cId="78100160" sldId="291"/>
            <ac:grpSpMk id="31" creationId="{9E3540D2-04B8-763F-82FD-043D4A8F5864}"/>
          </ac:grpSpMkLst>
        </pc:grpChg>
        <pc:graphicFrameChg chg="add del mod ord modGraphic">
          <ac:chgData name="Matias Vázquez Piñón" userId="2f86a967-3c9c-4a39-b538-7e6c0574d83d" providerId="ADAL" clId="{214B05F5-CDC9-49A7-9890-C2F0602C8542}" dt="2022-08-17T19:07:50.126" v="2989" actId="21"/>
          <ac:graphicFrameMkLst>
            <pc:docMk/>
            <pc:sldMk cId="78100160" sldId="291"/>
            <ac:graphicFrameMk id="6" creationId="{1F0192F1-7BD2-67B4-B131-D73C1E137ECF}"/>
          </ac:graphicFrameMkLst>
        </pc:graphicFrameChg>
        <pc:graphicFrameChg chg="add mod">
          <ac:chgData name="Matias Vázquez Piñón" userId="2f86a967-3c9c-4a39-b538-7e6c0574d83d" providerId="ADAL" clId="{214B05F5-CDC9-49A7-9890-C2F0602C8542}" dt="2022-08-17T19:07:52.906" v="2990"/>
          <ac:graphicFrameMkLst>
            <pc:docMk/>
            <pc:sldMk cId="78100160" sldId="291"/>
            <ac:graphicFrameMk id="9" creationId="{BF6FD89B-7CD9-7F04-346F-DEC4EC11D5C4}"/>
          </ac:graphicFrameMkLst>
        </pc:graphicFrameChg>
        <pc:picChg chg="add mod">
          <ac:chgData name="Matias Vázquez Piñón" userId="2f86a967-3c9c-4a39-b538-7e6c0574d83d" providerId="ADAL" clId="{214B05F5-CDC9-49A7-9890-C2F0602C8542}" dt="2022-08-17T19:11:09.263" v="3036" actId="1076"/>
          <ac:picMkLst>
            <pc:docMk/>
            <pc:sldMk cId="78100160" sldId="291"/>
            <ac:picMk id="10" creationId="{02EBF181-C762-F823-844A-386880C7675F}"/>
          </ac:picMkLst>
        </pc:picChg>
        <pc:cxnChg chg="add mod">
          <ac:chgData name="Matias Vázquez Piñón" userId="2f86a967-3c9c-4a39-b538-7e6c0574d83d" providerId="ADAL" clId="{214B05F5-CDC9-49A7-9890-C2F0602C8542}" dt="2022-08-17T19:12:11.553" v="3057" actId="164"/>
          <ac:cxnSpMkLst>
            <pc:docMk/>
            <pc:sldMk cId="78100160" sldId="291"/>
            <ac:cxnSpMk id="13" creationId="{21335ABF-41F0-6610-F0B6-422B1669FC1B}"/>
          </ac:cxnSpMkLst>
        </pc:cxnChg>
        <pc:cxnChg chg="add del mod">
          <ac:chgData name="Matias Vázquez Piñón" userId="2f86a967-3c9c-4a39-b538-7e6c0574d83d" providerId="ADAL" clId="{214B05F5-CDC9-49A7-9890-C2F0602C8542}" dt="2022-08-17T19:12:07.836" v="3056" actId="478"/>
          <ac:cxnSpMkLst>
            <pc:docMk/>
            <pc:sldMk cId="78100160" sldId="291"/>
            <ac:cxnSpMk id="17" creationId="{79579E96-B5D1-B7B4-2A0C-7F48C714597A}"/>
          </ac:cxnSpMkLst>
        </pc:cxnChg>
        <pc:cxnChg chg="mod">
          <ac:chgData name="Matias Vázquez Piñón" userId="2f86a967-3c9c-4a39-b538-7e6c0574d83d" providerId="ADAL" clId="{214B05F5-CDC9-49A7-9890-C2F0602C8542}" dt="2022-08-17T19:12:13.759" v="3058"/>
          <ac:cxnSpMkLst>
            <pc:docMk/>
            <pc:sldMk cId="78100160" sldId="291"/>
            <ac:cxnSpMk id="23" creationId="{3E90722C-6744-D00E-73D6-D7EEF3CA726C}"/>
          </ac:cxnSpMkLst>
        </pc:cxnChg>
        <pc:cxnChg chg="mod">
          <ac:chgData name="Matias Vázquez Piñón" userId="2f86a967-3c9c-4a39-b538-7e6c0574d83d" providerId="ADAL" clId="{214B05F5-CDC9-49A7-9890-C2F0602C8542}" dt="2022-08-17T19:12:50.393" v="3064"/>
          <ac:cxnSpMkLst>
            <pc:docMk/>
            <pc:sldMk cId="78100160" sldId="291"/>
            <ac:cxnSpMk id="26" creationId="{AA8B83C2-66CB-3287-CAFE-00F5EF5C2EC8}"/>
          </ac:cxnSpMkLst>
        </pc:cxnChg>
        <pc:cxnChg chg="mod">
          <ac:chgData name="Matias Vázquez Piñón" userId="2f86a967-3c9c-4a39-b538-7e6c0574d83d" providerId="ADAL" clId="{214B05F5-CDC9-49A7-9890-C2F0602C8542}" dt="2022-08-17T19:13:05.861" v="3071"/>
          <ac:cxnSpMkLst>
            <pc:docMk/>
            <pc:sldMk cId="78100160" sldId="291"/>
            <ac:cxnSpMk id="29" creationId="{446AD56A-4FF0-50F5-51D4-832CBECF6880}"/>
          </ac:cxnSpMkLst>
        </pc:cxnChg>
        <pc:cxnChg chg="mod">
          <ac:chgData name="Matias Vázquez Piñón" userId="2f86a967-3c9c-4a39-b538-7e6c0574d83d" providerId="ADAL" clId="{214B05F5-CDC9-49A7-9890-C2F0602C8542}" dt="2022-08-17T19:13:47.264" v="3075"/>
          <ac:cxnSpMkLst>
            <pc:docMk/>
            <pc:sldMk cId="78100160" sldId="291"/>
            <ac:cxnSpMk id="32" creationId="{8DFA67AB-81EE-19EB-5CCE-0732A34B8EB7}"/>
          </ac:cxnSpMkLst>
        </pc:cxnChg>
      </pc:sldChg>
      <pc:sldChg chg="addSp delSp modSp new mod chgLayout">
        <pc:chgData name="Matias Vázquez Piñón" userId="2f86a967-3c9c-4a39-b538-7e6c0574d83d" providerId="ADAL" clId="{214B05F5-CDC9-49A7-9890-C2F0602C8542}" dt="2022-08-19T18:37:35.303" v="4789" actId="1076"/>
        <pc:sldMkLst>
          <pc:docMk/>
          <pc:sldMk cId="2174901691" sldId="292"/>
        </pc:sldMkLst>
        <pc:spChg chg="mod ord">
          <ac:chgData name="Matias Vázquez Piñón" userId="2f86a967-3c9c-4a39-b538-7e6c0574d83d" providerId="ADAL" clId="{214B05F5-CDC9-49A7-9890-C2F0602C8542}" dt="2022-08-17T20:04:54.627" v="4116" actId="700"/>
          <ac:spMkLst>
            <pc:docMk/>
            <pc:sldMk cId="2174901691" sldId="292"/>
            <ac:spMk id="2" creationId="{5DC7167D-D9A7-D0D4-2E3F-6A39F3781257}"/>
          </ac:spMkLst>
        </pc:spChg>
        <pc:spChg chg="mod ord">
          <ac:chgData name="Matias Vázquez Piñón" userId="2f86a967-3c9c-4a39-b538-7e6c0574d83d" providerId="ADAL" clId="{214B05F5-CDC9-49A7-9890-C2F0602C8542}" dt="2022-08-19T18:36:29.782" v="4785" actId="113"/>
          <ac:spMkLst>
            <pc:docMk/>
            <pc:sldMk cId="2174901691" sldId="292"/>
            <ac:spMk id="3" creationId="{8FBB4B95-CA66-41B8-A680-50D88D927887}"/>
          </ac:spMkLst>
        </pc:spChg>
        <pc:spChg chg="del">
          <ac:chgData name="Matias Vázquez Piñón" userId="2f86a967-3c9c-4a39-b538-7e6c0574d83d" providerId="ADAL" clId="{214B05F5-CDC9-49A7-9890-C2F0602C8542}" dt="2022-08-17T19:20:32.997" v="3272"/>
          <ac:spMkLst>
            <pc:docMk/>
            <pc:sldMk cId="2174901691" sldId="292"/>
            <ac:spMk id="4" creationId="{94EFD0BC-2F54-C49A-461D-7FFB8703D81A}"/>
          </ac:spMkLst>
        </pc:spChg>
        <pc:spChg chg="mod ord">
          <ac:chgData name="Matias Vázquez Piñón" userId="2f86a967-3c9c-4a39-b538-7e6c0574d83d" providerId="ADAL" clId="{214B05F5-CDC9-49A7-9890-C2F0602C8542}" dt="2022-08-17T20:04:54.627" v="4116" actId="700"/>
          <ac:spMkLst>
            <pc:docMk/>
            <pc:sldMk cId="2174901691" sldId="292"/>
            <ac:spMk id="5" creationId="{0B4F8D69-6A57-2C9E-F5A2-1A739B08C152}"/>
          </ac:spMkLst>
        </pc:spChg>
        <pc:spChg chg="add del mod">
          <ac:chgData name="Matias Vázquez Piñón" userId="2f86a967-3c9c-4a39-b538-7e6c0574d83d" providerId="ADAL" clId="{214B05F5-CDC9-49A7-9890-C2F0602C8542}" dt="2022-08-17T19:21:34.045" v="3295" actId="478"/>
          <ac:spMkLst>
            <pc:docMk/>
            <pc:sldMk cId="2174901691" sldId="292"/>
            <ac:spMk id="7" creationId="{1CA492DC-D8C1-37BE-3DF5-2E29BA093396}"/>
          </ac:spMkLst>
        </pc:spChg>
        <pc:spChg chg="add del mod">
          <ac:chgData name="Matias Vázquez Piñón" userId="2f86a967-3c9c-4a39-b538-7e6c0574d83d" providerId="ADAL" clId="{214B05F5-CDC9-49A7-9890-C2F0602C8542}" dt="2022-08-17T19:30:15.226" v="3840" actId="22"/>
          <ac:spMkLst>
            <pc:docMk/>
            <pc:sldMk cId="2174901691" sldId="292"/>
            <ac:spMk id="9" creationId="{A3D4785F-D968-0C0A-27E3-E85ED8BB451A}"/>
          </ac:spMkLst>
        </pc:spChg>
        <pc:spChg chg="add mod topLvl">
          <ac:chgData name="Matias Vázquez Piñón" userId="2f86a967-3c9c-4a39-b538-7e6c0574d83d" providerId="ADAL" clId="{214B05F5-CDC9-49A7-9890-C2F0602C8542}" dt="2022-08-19T18:37:28.117" v="4788" actId="1076"/>
          <ac:spMkLst>
            <pc:docMk/>
            <pc:sldMk cId="2174901691" sldId="292"/>
            <ac:spMk id="15" creationId="{9B694F3A-4D28-5B1C-BBB8-4CA4131EC3FD}"/>
          </ac:spMkLst>
        </pc:spChg>
        <pc:spChg chg="add del mod topLvl">
          <ac:chgData name="Matias Vázquez Piñón" userId="2f86a967-3c9c-4a39-b538-7e6c0574d83d" providerId="ADAL" clId="{214B05F5-CDC9-49A7-9890-C2F0602C8542}" dt="2022-08-19T18:37:28.117" v="4788" actId="1076"/>
          <ac:spMkLst>
            <pc:docMk/>
            <pc:sldMk cId="2174901691" sldId="292"/>
            <ac:spMk id="16" creationId="{100067ED-1760-B48F-ADA5-F935EEC9FE97}"/>
          </ac:spMkLst>
        </pc:spChg>
        <pc:spChg chg="add mod">
          <ac:chgData name="Matias Vázquez Piñón" userId="2f86a967-3c9c-4a39-b538-7e6c0574d83d" providerId="ADAL" clId="{214B05F5-CDC9-49A7-9890-C2F0602C8542}" dt="2022-08-19T18:37:28.117" v="4788" actId="1076"/>
          <ac:spMkLst>
            <pc:docMk/>
            <pc:sldMk cId="2174901691" sldId="292"/>
            <ac:spMk id="18" creationId="{4DB831B6-4F82-752A-68E7-0590ABB01FDB}"/>
          </ac:spMkLst>
        </pc:spChg>
        <pc:spChg chg="add mod">
          <ac:chgData name="Matias Vázquez Piñón" userId="2f86a967-3c9c-4a39-b538-7e6c0574d83d" providerId="ADAL" clId="{214B05F5-CDC9-49A7-9890-C2F0602C8542}" dt="2022-08-19T18:37:28.117" v="4788" actId="1076"/>
          <ac:spMkLst>
            <pc:docMk/>
            <pc:sldMk cId="2174901691" sldId="292"/>
            <ac:spMk id="19" creationId="{AE4BB06B-3082-F3B3-8963-D4233E45EE1B}"/>
          </ac:spMkLst>
        </pc:spChg>
        <pc:spChg chg="add mod">
          <ac:chgData name="Matias Vázquez Piñón" userId="2f86a967-3c9c-4a39-b538-7e6c0574d83d" providerId="ADAL" clId="{214B05F5-CDC9-49A7-9890-C2F0602C8542}" dt="2022-08-19T18:37:28.117" v="4788" actId="1076"/>
          <ac:spMkLst>
            <pc:docMk/>
            <pc:sldMk cId="2174901691" sldId="292"/>
            <ac:spMk id="46" creationId="{48F3F8A1-3F5B-90F4-D409-5ED1027FF659}"/>
          </ac:spMkLst>
        </pc:spChg>
        <pc:grpChg chg="add del mod">
          <ac:chgData name="Matias Vázquez Piñón" userId="2f86a967-3c9c-4a39-b538-7e6c0574d83d" providerId="ADAL" clId="{214B05F5-CDC9-49A7-9890-C2F0602C8542}" dt="2022-08-19T18:37:28.117" v="4788" actId="1076"/>
          <ac:grpSpMkLst>
            <pc:docMk/>
            <pc:sldMk cId="2174901691" sldId="292"/>
            <ac:grpSpMk id="14" creationId="{E516C5DE-3956-3104-57BC-D2670F147834}"/>
          </ac:grpSpMkLst>
        </pc:grpChg>
        <pc:grpChg chg="add mod">
          <ac:chgData name="Matias Vázquez Piñón" userId="2f86a967-3c9c-4a39-b538-7e6c0574d83d" providerId="ADAL" clId="{214B05F5-CDC9-49A7-9890-C2F0602C8542}" dt="2022-08-19T18:37:28.117" v="4788" actId="1076"/>
          <ac:grpSpMkLst>
            <pc:docMk/>
            <pc:sldMk cId="2174901691" sldId="292"/>
            <ac:grpSpMk id="17" creationId="{D89676E8-2CE0-A01E-C92E-36E147B910D8}"/>
          </ac:grpSpMkLst>
        </pc:grpChg>
        <pc:grpChg chg="mod">
          <ac:chgData name="Matias Vázquez Piñón" userId="2f86a967-3c9c-4a39-b538-7e6c0574d83d" providerId="ADAL" clId="{214B05F5-CDC9-49A7-9890-C2F0602C8542}" dt="2022-08-17T19:38:25.079" v="4020"/>
          <ac:grpSpMkLst>
            <pc:docMk/>
            <pc:sldMk cId="2174901691" sldId="292"/>
            <ac:grpSpMk id="22" creationId="{60DAB546-5B5A-C3AC-1836-88D4095CE2AA}"/>
          </ac:grpSpMkLst>
        </pc:grpChg>
        <pc:grpChg chg="mod">
          <ac:chgData name="Matias Vázquez Piñón" userId="2f86a967-3c9c-4a39-b538-7e6c0574d83d" providerId="ADAL" clId="{214B05F5-CDC9-49A7-9890-C2F0602C8542}" dt="2022-08-17T19:38:33.017" v="4026"/>
          <ac:grpSpMkLst>
            <pc:docMk/>
            <pc:sldMk cId="2174901691" sldId="292"/>
            <ac:grpSpMk id="25" creationId="{EF820740-A32B-63A7-5C1E-CF48CF556EE9}"/>
          </ac:grpSpMkLst>
        </pc:grpChg>
        <pc:grpChg chg="mod">
          <ac:chgData name="Matias Vázquez Piñón" userId="2f86a967-3c9c-4a39-b538-7e6c0574d83d" providerId="ADAL" clId="{214B05F5-CDC9-49A7-9890-C2F0602C8542}" dt="2022-08-17T19:38:38.221" v="4032"/>
          <ac:grpSpMkLst>
            <pc:docMk/>
            <pc:sldMk cId="2174901691" sldId="292"/>
            <ac:grpSpMk id="28" creationId="{15ACE70D-165D-E752-A0B9-063D3992C3C6}"/>
          </ac:grpSpMkLst>
        </pc:grpChg>
        <pc:grpChg chg="mod">
          <ac:chgData name="Matias Vázquez Piñón" userId="2f86a967-3c9c-4a39-b538-7e6c0574d83d" providerId="ADAL" clId="{214B05F5-CDC9-49A7-9890-C2F0602C8542}" dt="2022-08-17T19:39:17.989" v="4049"/>
          <ac:grpSpMkLst>
            <pc:docMk/>
            <pc:sldMk cId="2174901691" sldId="292"/>
            <ac:grpSpMk id="41" creationId="{14C177CF-D330-4766-B7FC-E148804E195A}"/>
          </ac:grpSpMkLst>
        </pc:grpChg>
        <pc:grpChg chg="del mod">
          <ac:chgData name="Matias Vázquez Piñón" userId="2f86a967-3c9c-4a39-b538-7e6c0574d83d" providerId="ADAL" clId="{214B05F5-CDC9-49A7-9890-C2F0602C8542}" dt="2022-08-17T19:39:36.702" v="4064" actId="478"/>
          <ac:grpSpMkLst>
            <pc:docMk/>
            <pc:sldMk cId="2174901691" sldId="292"/>
            <ac:grpSpMk id="45" creationId="{B32B9FDD-9598-0584-5D9A-E3E932E2204D}"/>
          </ac:grpSpMkLst>
        </pc:grpChg>
        <pc:graphicFrameChg chg="add mod modGraphic">
          <ac:chgData name="Matias Vázquez Piñón" userId="2f86a967-3c9c-4a39-b538-7e6c0574d83d" providerId="ADAL" clId="{214B05F5-CDC9-49A7-9890-C2F0602C8542}" dt="2022-08-17T19:42:26.147" v="4073" actId="1076"/>
          <ac:graphicFrameMkLst>
            <pc:docMk/>
            <pc:sldMk cId="2174901691" sldId="292"/>
            <ac:graphicFrameMk id="8" creationId="{EABD6B9B-78BB-21DA-47D5-0929F7704E91}"/>
          </ac:graphicFrameMkLst>
        </pc:graphicFrameChg>
        <pc:picChg chg="add del mod">
          <ac:chgData name="Matias Vázquez Piñón" userId="2f86a967-3c9c-4a39-b538-7e6c0574d83d" providerId="ADAL" clId="{214B05F5-CDC9-49A7-9890-C2F0602C8542}" dt="2022-08-17T19:30:12.595" v="3837" actId="478"/>
          <ac:picMkLst>
            <pc:docMk/>
            <pc:sldMk cId="2174901691" sldId="292"/>
            <ac:picMk id="6" creationId="{8E088B86-7314-60A8-60CA-919736FB5681}"/>
          </ac:picMkLst>
        </pc:picChg>
        <pc:picChg chg="add del">
          <ac:chgData name="Matias Vázquez Piñón" userId="2f86a967-3c9c-4a39-b538-7e6c0574d83d" providerId="ADAL" clId="{214B05F5-CDC9-49A7-9890-C2F0602C8542}" dt="2022-08-17T19:30:14.068" v="3839" actId="22"/>
          <ac:picMkLst>
            <pc:docMk/>
            <pc:sldMk cId="2174901691" sldId="292"/>
            <ac:picMk id="11" creationId="{FD48E3F8-F8CC-9311-3812-3ED1385FC34E}"/>
          </ac:picMkLst>
        </pc:picChg>
        <pc:picChg chg="add mod ord">
          <ac:chgData name="Matias Vázquez Piñón" userId="2f86a967-3c9c-4a39-b538-7e6c0574d83d" providerId="ADAL" clId="{214B05F5-CDC9-49A7-9890-C2F0602C8542}" dt="2022-08-19T18:37:28.117" v="4788" actId="1076"/>
          <ac:picMkLst>
            <pc:docMk/>
            <pc:sldMk cId="2174901691" sldId="292"/>
            <ac:picMk id="13" creationId="{783C928D-9F8D-86CA-A5AE-925878EA3B22}"/>
          </ac:picMkLst>
        </pc:picChg>
        <pc:picChg chg="add mod">
          <ac:chgData name="Matias Vázquez Piñón" userId="2f86a967-3c9c-4a39-b538-7e6c0574d83d" providerId="ADAL" clId="{214B05F5-CDC9-49A7-9890-C2F0602C8542}" dt="2022-08-19T18:37:35.303" v="4789" actId="1076"/>
          <ac:picMkLst>
            <pc:docMk/>
            <pc:sldMk cId="2174901691" sldId="292"/>
            <ac:picMk id="1026" creationId="{8759E1F0-4B50-2D98-6D77-909EF664500B}"/>
          </ac:picMkLst>
        </pc:picChg>
        <pc:inkChg chg="add del mod">
          <ac:chgData name="Matias Vázquez Piñón" userId="2f86a967-3c9c-4a39-b538-7e6c0574d83d" providerId="ADAL" clId="{214B05F5-CDC9-49A7-9890-C2F0602C8542}" dt="2022-08-17T19:38:25.951" v="4021" actId="9405"/>
          <ac:inkMkLst>
            <pc:docMk/>
            <pc:sldMk cId="2174901691" sldId="292"/>
            <ac:inkMk id="20" creationId="{B88B4AA6-82FC-EFD7-EF17-1E0BC69F94D0}"/>
          </ac:inkMkLst>
        </pc:inkChg>
        <pc:inkChg chg="add del mod">
          <ac:chgData name="Matias Vázquez Piñón" userId="2f86a967-3c9c-4a39-b538-7e6c0574d83d" providerId="ADAL" clId="{214B05F5-CDC9-49A7-9890-C2F0602C8542}" dt="2022-08-17T19:38:25.079" v="4020"/>
          <ac:inkMkLst>
            <pc:docMk/>
            <pc:sldMk cId="2174901691" sldId="292"/>
            <ac:inkMk id="21" creationId="{EBD6339F-9486-78A4-0797-9C98A0340095}"/>
          </ac:inkMkLst>
        </pc:inkChg>
        <pc:inkChg chg="add del mod">
          <ac:chgData name="Matias Vázquez Piñón" userId="2f86a967-3c9c-4a39-b538-7e6c0574d83d" providerId="ADAL" clId="{214B05F5-CDC9-49A7-9890-C2F0602C8542}" dt="2022-08-17T19:38:33.718" v="4027" actId="9405"/>
          <ac:inkMkLst>
            <pc:docMk/>
            <pc:sldMk cId="2174901691" sldId="292"/>
            <ac:inkMk id="23" creationId="{F5DFDFCA-C028-0F8E-51CC-98A7A6A24994}"/>
          </ac:inkMkLst>
        </pc:inkChg>
        <pc:inkChg chg="add del mod">
          <ac:chgData name="Matias Vázquez Piñón" userId="2f86a967-3c9c-4a39-b538-7e6c0574d83d" providerId="ADAL" clId="{214B05F5-CDC9-49A7-9890-C2F0602C8542}" dt="2022-08-17T19:38:33.017" v="4026"/>
          <ac:inkMkLst>
            <pc:docMk/>
            <pc:sldMk cId="2174901691" sldId="292"/>
            <ac:inkMk id="24" creationId="{92685F6C-C97E-5414-77BB-FFB21CFE6E1B}"/>
          </ac:inkMkLst>
        </pc:inkChg>
        <pc:inkChg chg="add del mod">
          <ac:chgData name="Matias Vázquez Piñón" userId="2f86a967-3c9c-4a39-b538-7e6c0574d83d" providerId="ADAL" clId="{214B05F5-CDC9-49A7-9890-C2F0602C8542}" dt="2022-08-17T19:38:38.929" v="4033" actId="9405"/>
          <ac:inkMkLst>
            <pc:docMk/>
            <pc:sldMk cId="2174901691" sldId="292"/>
            <ac:inkMk id="26" creationId="{D69B750C-A21A-5C3F-EDA2-60CBE675AD9C}"/>
          </ac:inkMkLst>
        </pc:inkChg>
        <pc:inkChg chg="add del mod">
          <ac:chgData name="Matias Vázquez Piñón" userId="2f86a967-3c9c-4a39-b538-7e6c0574d83d" providerId="ADAL" clId="{214B05F5-CDC9-49A7-9890-C2F0602C8542}" dt="2022-08-17T19:38:38.221" v="4032"/>
          <ac:inkMkLst>
            <pc:docMk/>
            <pc:sldMk cId="2174901691" sldId="292"/>
            <ac:inkMk id="27" creationId="{A6F8F695-F06A-A690-FEBF-66BDC6E2A5A8}"/>
          </ac:inkMkLst>
        </pc:inkChg>
        <pc:inkChg chg="add del">
          <ac:chgData name="Matias Vázquez Piñón" userId="2f86a967-3c9c-4a39-b538-7e6c0574d83d" providerId="ADAL" clId="{214B05F5-CDC9-49A7-9890-C2F0602C8542}" dt="2022-08-17T19:38:45.455" v="4035" actId="9405"/>
          <ac:inkMkLst>
            <pc:docMk/>
            <pc:sldMk cId="2174901691" sldId="292"/>
            <ac:inkMk id="29" creationId="{BEBCE6EE-4EDB-D597-B7EB-7E41F8E5E7AC}"/>
          </ac:inkMkLst>
        </pc:inkChg>
        <pc:inkChg chg="add del mod">
          <ac:chgData name="Matias Vázquez Piñón" userId="2f86a967-3c9c-4a39-b538-7e6c0574d83d" providerId="ADAL" clId="{214B05F5-CDC9-49A7-9890-C2F0602C8542}" dt="2022-08-17T19:39:21.712" v="4059" actId="9405"/>
          <ac:inkMkLst>
            <pc:docMk/>
            <pc:sldMk cId="2174901691" sldId="292"/>
            <ac:inkMk id="30" creationId="{F16F04D3-E731-D77E-0750-2DD549978C5D}"/>
          </ac:inkMkLst>
        </pc:inkChg>
        <pc:inkChg chg="add del mod">
          <ac:chgData name="Matias Vázquez Piñón" userId="2f86a967-3c9c-4a39-b538-7e6c0574d83d" providerId="ADAL" clId="{214B05F5-CDC9-49A7-9890-C2F0602C8542}" dt="2022-08-17T19:39:21.290" v="4058" actId="9405"/>
          <ac:inkMkLst>
            <pc:docMk/>
            <pc:sldMk cId="2174901691" sldId="292"/>
            <ac:inkMk id="31" creationId="{044B3B79-4CC3-B69C-3BC2-F74A9EE8FC4D}"/>
          </ac:inkMkLst>
        </pc:inkChg>
        <pc:inkChg chg="add del mod">
          <ac:chgData name="Matias Vázquez Piñón" userId="2f86a967-3c9c-4a39-b538-7e6c0574d83d" providerId="ADAL" clId="{214B05F5-CDC9-49A7-9890-C2F0602C8542}" dt="2022-08-17T19:39:20.925" v="4057" actId="9405"/>
          <ac:inkMkLst>
            <pc:docMk/>
            <pc:sldMk cId="2174901691" sldId="292"/>
            <ac:inkMk id="32" creationId="{1E5AB786-4B33-F2C2-EADB-3C3D90256D84}"/>
          </ac:inkMkLst>
        </pc:inkChg>
        <pc:inkChg chg="add del mod">
          <ac:chgData name="Matias Vázquez Piñón" userId="2f86a967-3c9c-4a39-b538-7e6c0574d83d" providerId="ADAL" clId="{214B05F5-CDC9-49A7-9890-C2F0602C8542}" dt="2022-08-17T19:39:20.534" v="4056" actId="9405"/>
          <ac:inkMkLst>
            <pc:docMk/>
            <pc:sldMk cId="2174901691" sldId="292"/>
            <ac:inkMk id="33" creationId="{C19FC9F2-3CD4-B461-08E6-FA0CA92EE860}"/>
          </ac:inkMkLst>
        </pc:inkChg>
        <pc:inkChg chg="add del mod">
          <ac:chgData name="Matias Vázquez Piñón" userId="2f86a967-3c9c-4a39-b538-7e6c0574d83d" providerId="ADAL" clId="{214B05F5-CDC9-49A7-9890-C2F0602C8542}" dt="2022-08-17T19:39:20.229" v="4055" actId="9405"/>
          <ac:inkMkLst>
            <pc:docMk/>
            <pc:sldMk cId="2174901691" sldId="292"/>
            <ac:inkMk id="34" creationId="{86CF0AC0-8CCC-686B-F9A1-F495016F92F6}"/>
          </ac:inkMkLst>
        </pc:inkChg>
        <pc:inkChg chg="add del mod">
          <ac:chgData name="Matias Vázquez Piñón" userId="2f86a967-3c9c-4a39-b538-7e6c0574d83d" providerId="ADAL" clId="{214B05F5-CDC9-49A7-9890-C2F0602C8542}" dt="2022-08-17T19:39:19.963" v="4054" actId="9405"/>
          <ac:inkMkLst>
            <pc:docMk/>
            <pc:sldMk cId="2174901691" sldId="292"/>
            <ac:inkMk id="35" creationId="{3FC3AFB6-5C89-B0CF-1AF8-DF5A1CCA4F5B}"/>
          </ac:inkMkLst>
        </pc:inkChg>
        <pc:inkChg chg="add del mod">
          <ac:chgData name="Matias Vázquez Piñón" userId="2f86a967-3c9c-4a39-b538-7e6c0574d83d" providerId="ADAL" clId="{214B05F5-CDC9-49A7-9890-C2F0602C8542}" dt="2022-08-17T19:39:19.635" v="4053" actId="9405"/>
          <ac:inkMkLst>
            <pc:docMk/>
            <pc:sldMk cId="2174901691" sldId="292"/>
            <ac:inkMk id="36" creationId="{772EF084-6936-A1B6-3DB7-7A84D936E227}"/>
          </ac:inkMkLst>
        </pc:inkChg>
        <pc:inkChg chg="add del mod">
          <ac:chgData name="Matias Vázquez Piñón" userId="2f86a967-3c9c-4a39-b538-7e6c0574d83d" providerId="ADAL" clId="{214B05F5-CDC9-49A7-9890-C2F0602C8542}" dt="2022-08-17T19:39:19.253" v="4052" actId="9405"/>
          <ac:inkMkLst>
            <pc:docMk/>
            <pc:sldMk cId="2174901691" sldId="292"/>
            <ac:inkMk id="37" creationId="{E31AE500-0FC9-2681-E2CB-3ACEA4F0F185}"/>
          </ac:inkMkLst>
        </pc:inkChg>
        <pc:inkChg chg="add del mod">
          <ac:chgData name="Matias Vázquez Piñón" userId="2f86a967-3c9c-4a39-b538-7e6c0574d83d" providerId="ADAL" clId="{214B05F5-CDC9-49A7-9890-C2F0602C8542}" dt="2022-08-17T19:39:18.898" v="4051" actId="9405"/>
          <ac:inkMkLst>
            <pc:docMk/>
            <pc:sldMk cId="2174901691" sldId="292"/>
            <ac:inkMk id="38" creationId="{B7DDDC5B-2982-83B7-FDE2-B5D1F5C1B9EC}"/>
          </ac:inkMkLst>
        </pc:inkChg>
        <pc:inkChg chg="add del mod">
          <ac:chgData name="Matias Vázquez Piñón" userId="2f86a967-3c9c-4a39-b538-7e6c0574d83d" providerId="ADAL" clId="{214B05F5-CDC9-49A7-9890-C2F0602C8542}" dt="2022-08-17T19:39:18.500" v="4050" actId="9405"/>
          <ac:inkMkLst>
            <pc:docMk/>
            <pc:sldMk cId="2174901691" sldId="292"/>
            <ac:inkMk id="39" creationId="{A7F76F15-1C58-3CE0-5204-20AD8473CE09}"/>
          </ac:inkMkLst>
        </pc:inkChg>
        <pc:inkChg chg="add del mod">
          <ac:chgData name="Matias Vázquez Piñón" userId="2f86a967-3c9c-4a39-b538-7e6c0574d83d" providerId="ADAL" clId="{214B05F5-CDC9-49A7-9890-C2F0602C8542}" dt="2022-08-17T19:39:17.989" v="4049"/>
          <ac:inkMkLst>
            <pc:docMk/>
            <pc:sldMk cId="2174901691" sldId="292"/>
            <ac:inkMk id="40" creationId="{E4418973-9E2B-A7C0-8914-6D1E922301C6}"/>
          </ac:inkMkLst>
        </pc:inkChg>
        <pc:inkChg chg="add del">
          <ac:chgData name="Matias Vázquez Piñón" userId="2f86a967-3c9c-4a39-b538-7e6c0574d83d" providerId="ADAL" clId="{214B05F5-CDC9-49A7-9890-C2F0602C8542}" dt="2022-08-17T19:39:36.702" v="4064" actId="478"/>
          <ac:inkMkLst>
            <pc:docMk/>
            <pc:sldMk cId="2174901691" sldId="292"/>
            <ac:inkMk id="42" creationId="{4567E23F-7793-67B7-110F-79ADADCA6F34}"/>
          </ac:inkMkLst>
        </pc:inkChg>
        <pc:inkChg chg="add mod">
          <ac:chgData name="Matias Vázquez Piñón" userId="2f86a967-3c9c-4a39-b538-7e6c0574d83d" providerId="ADAL" clId="{214B05F5-CDC9-49A7-9890-C2F0602C8542}" dt="2022-08-17T19:39:34.968" v="4063"/>
          <ac:inkMkLst>
            <pc:docMk/>
            <pc:sldMk cId="2174901691" sldId="292"/>
            <ac:inkMk id="43" creationId="{90EE4304-2A46-1CEB-80EB-9E851FB6D5E0}"/>
          </ac:inkMkLst>
        </pc:inkChg>
        <pc:inkChg chg="add mod">
          <ac:chgData name="Matias Vázquez Piñón" userId="2f86a967-3c9c-4a39-b538-7e6c0574d83d" providerId="ADAL" clId="{214B05F5-CDC9-49A7-9890-C2F0602C8542}" dt="2022-08-17T19:39:34.968" v="4063"/>
          <ac:inkMkLst>
            <pc:docMk/>
            <pc:sldMk cId="2174901691" sldId="292"/>
            <ac:inkMk id="44" creationId="{CCB0F8F6-CD40-E822-BDE0-2853F3D8E55E}"/>
          </ac:inkMkLst>
        </pc:inkChg>
      </pc:sldChg>
      <pc:sldChg chg="addSp delSp modSp new mod">
        <pc:chgData name="Matias Vázquez Piñón" userId="2f86a967-3c9c-4a39-b538-7e6c0574d83d" providerId="ADAL" clId="{214B05F5-CDC9-49A7-9890-C2F0602C8542}" dt="2022-08-19T18:45:49.534" v="4823" actId="1076"/>
        <pc:sldMkLst>
          <pc:docMk/>
          <pc:sldMk cId="458490763" sldId="293"/>
        </pc:sldMkLst>
        <pc:spChg chg="mod">
          <ac:chgData name="Matias Vázquez Piñón" userId="2f86a967-3c9c-4a39-b538-7e6c0574d83d" providerId="ADAL" clId="{214B05F5-CDC9-49A7-9890-C2F0602C8542}" dt="2022-08-17T20:05:49.089" v="4159" actId="20577"/>
          <ac:spMkLst>
            <pc:docMk/>
            <pc:sldMk cId="458490763" sldId="293"/>
            <ac:spMk id="2" creationId="{6F4D1C85-92E6-E31C-8F46-D290AE28BF82}"/>
          </ac:spMkLst>
        </pc:spChg>
        <pc:spChg chg="del">
          <ac:chgData name="Matias Vázquez Piñón" userId="2f86a967-3c9c-4a39-b538-7e6c0574d83d" providerId="ADAL" clId="{214B05F5-CDC9-49A7-9890-C2F0602C8542}" dt="2022-08-17T20:05:05.136" v="4120" actId="22"/>
          <ac:spMkLst>
            <pc:docMk/>
            <pc:sldMk cId="458490763" sldId="293"/>
            <ac:spMk id="3" creationId="{16CAB977-02B3-7AA0-1256-724986DE772A}"/>
          </ac:spMkLst>
        </pc:spChg>
        <pc:spChg chg="add del mod">
          <ac:chgData name="Matias Vázquez Piñón" userId="2f86a967-3c9c-4a39-b538-7e6c0574d83d" providerId="ADAL" clId="{214B05F5-CDC9-49A7-9890-C2F0602C8542}" dt="2022-08-17T20:12:49.399" v="4579" actId="22"/>
          <ac:spMkLst>
            <pc:docMk/>
            <pc:sldMk cId="458490763" sldId="293"/>
            <ac:spMk id="4" creationId="{8BEC1CDA-D7D7-B029-FF4D-14DE639C95C3}"/>
          </ac:spMkLst>
        </pc:spChg>
        <pc:spChg chg="add mod">
          <ac:chgData name="Matias Vázquez Piñón" userId="2f86a967-3c9c-4a39-b538-7e6c0574d83d" providerId="ADAL" clId="{214B05F5-CDC9-49A7-9890-C2F0602C8542}" dt="2022-08-19T18:43:27.340" v="4822" actId="20577"/>
          <ac:spMkLst>
            <pc:docMk/>
            <pc:sldMk cId="458490763" sldId="293"/>
            <ac:spMk id="10" creationId="{69FB9E97-0014-4342-81E3-C862180A5901}"/>
          </ac:spMkLst>
        </pc:spChg>
        <pc:picChg chg="add del mod ord">
          <ac:chgData name="Matias Vázquez Piñón" userId="2f86a967-3c9c-4a39-b538-7e6c0574d83d" providerId="ADAL" clId="{214B05F5-CDC9-49A7-9890-C2F0602C8542}" dt="2022-08-17T20:05:03.906" v="4119" actId="22"/>
          <ac:picMkLst>
            <pc:docMk/>
            <pc:sldMk cId="458490763" sldId="293"/>
            <ac:picMk id="7" creationId="{D6D43A4D-3121-6179-F648-EB48D76A35AE}"/>
          </ac:picMkLst>
        </pc:picChg>
        <pc:picChg chg="add del mod ord">
          <ac:chgData name="Matias Vázquez Piñón" userId="2f86a967-3c9c-4a39-b538-7e6c0574d83d" providerId="ADAL" clId="{214B05F5-CDC9-49A7-9890-C2F0602C8542}" dt="2022-08-17T20:12:16.282" v="4576" actId="478"/>
          <ac:picMkLst>
            <pc:docMk/>
            <pc:sldMk cId="458490763" sldId="293"/>
            <ac:picMk id="9" creationId="{E25432B3-6901-1FBE-B62B-FA4C5F2C58CA}"/>
          </ac:picMkLst>
        </pc:picChg>
        <pc:picChg chg="add mod ord">
          <ac:chgData name="Matias Vázquez Piñón" userId="2f86a967-3c9c-4a39-b538-7e6c0574d83d" providerId="ADAL" clId="{214B05F5-CDC9-49A7-9890-C2F0602C8542}" dt="2022-08-17T20:15:38.285" v="4598" actId="1076"/>
          <ac:picMkLst>
            <pc:docMk/>
            <pc:sldMk cId="458490763" sldId="293"/>
            <ac:picMk id="12" creationId="{DAD7C934-2BAC-C627-6E29-B0454AD50DE0}"/>
          </ac:picMkLst>
        </pc:picChg>
        <pc:picChg chg="add mod">
          <ac:chgData name="Matias Vázquez Piñón" userId="2f86a967-3c9c-4a39-b538-7e6c0574d83d" providerId="ADAL" clId="{214B05F5-CDC9-49A7-9890-C2F0602C8542}" dt="2022-08-17T20:16:44.540" v="4611" actId="1076"/>
          <ac:picMkLst>
            <pc:docMk/>
            <pc:sldMk cId="458490763" sldId="293"/>
            <ac:picMk id="14" creationId="{C21FF47B-73DA-89A3-05F9-7E9842A903BC}"/>
          </ac:picMkLst>
        </pc:picChg>
        <pc:picChg chg="add mod">
          <ac:chgData name="Matias Vázquez Piñón" userId="2f86a967-3c9c-4a39-b538-7e6c0574d83d" providerId="ADAL" clId="{214B05F5-CDC9-49A7-9890-C2F0602C8542}" dt="2022-08-19T18:45:49.534" v="4823" actId="1076"/>
          <ac:picMkLst>
            <pc:docMk/>
            <pc:sldMk cId="458490763" sldId="293"/>
            <ac:picMk id="16" creationId="{88016798-70F0-99FF-A7CF-DF37D17E171F}"/>
          </ac:picMkLst>
        </pc:picChg>
        <pc:picChg chg="add mod">
          <ac:chgData name="Matias Vázquez Piñón" userId="2f86a967-3c9c-4a39-b538-7e6c0574d83d" providerId="ADAL" clId="{214B05F5-CDC9-49A7-9890-C2F0602C8542}" dt="2022-08-17T20:16:20.113" v="4604" actId="14100"/>
          <ac:picMkLst>
            <pc:docMk/>
            <pc:sldMk cId="458490763" sldId="293"/>
            <ac:picMk id="18" creationId="{76CDAA89-1332-FFB0-5E39-313575AB88E5}"/>
          </ac:picMkLst>
        </pc:picChg>
        <pc:picChg chg="add mod">
          <ac:chgData name="Matias Vázquez Piñón" userId="2f86a967-3c9c-4a39-b538-7e6c0574d83d" providerId="ADAL" clId="{214B05F5-CDC9-49A7-9890-C2F0602C8542}" dt="2022-08-17T20:16:37.156" v="4607" actId="1076"/>
          <ac:picMkLst>
            <pc:docMk/>
            <pc:sldMk cId="458490763" sldId="293"/>
            <ac:picMk id="20" creationId="{363F005B-9421-C898-04F7-6F3B07764310}"/>
          </ac:picMkLst>
        </pc:picChg>
      </pc:sldChg>
      <pc:sldChg chg="addSp delSp modSp new del mod">
        <pc:chgData name="Matias Vázquez Piñón" userId="2f86a967-3c9c-4a39-b538-7e6c0574d83d" providerId="ADAL" clId="{214B05F5-CDC9-49A7-9890-C2F0602C8542}" dt="2022-08-19T18:30:25.967" v="4736" actId="47"/>
        <pc:sldMkLst>
          <pc:docMk/>
          <pc:sldMk cId="474326173" sldId="294"/>
        </pc:sldMkLst>
        <pc:spChg chg="del">
          <ac:chgData name="Matias Vázquez Piñón" userId="2f86a967-3c9c-4a39-b538-7e6c0574d83d" providerId="ADAL" clId="{214B05F5-CDC9-49A7-9890-C2F0602C8542}" dt="2022-08-19T18:29:10.512" v="4687" actId="478"/>
          <ac:spMkLst>
            <pc:docMk/>
            <pc:sldMk cId="474326173" sldId="294"/>
            <ac:spMk id="2" creationId="{9B576DD8-B15C-C772-0E62-EA3F551DFBAE}"/>
          </ac:spMkLst>
        </pc:spChg>
        <pc:spChg chg="del">
          <ac:chgData name="Matias Vázquez Piñón" userId="2f86a967-3c9c-4a39-b538-7e6c0574d83d" providerId="ADAL" clId="{214B05F5-CDC9-49A7-9890-C2F0602C8542}" dt="2022-08-19T18:29:09.361" v="4686" actId="478"/>
          <ac:spMkLst>
            <pc:docMk/>
            <pc:sldMk cId="474326173" sldId="294"/>
            <ac:spMk id="3" creationId="{B7D39F80-560F-0D7C-E2EF-BAE0E5C3CE89}"/>
          </ac:spMkLst>
        </pc:spChg>
        <pc:grpChg chg="del mod">
          <ac:chgData name="Matias Vázquez Piñón" userId="2f86a967-3c9c-4a39-b538-7e6c0574d83d" providerId="ADAL" clId="{214B05F5-CDC9-49A7-9890-C2F0602C8542}" dt="2022-08-19T18:29:54.859" v="4705"/>
          <ac:grpSpMkLst>
            <pc:docMk/>
            <pc:sldMk cId="474326173" sldId="294"/>
            <ac:grpSpMk id="19" creationId="{0620E78B-078B-DBDA-97B1-B6CFB6C30AAF}"/>
          </ac:grpSpMkLst>
        </pc:grpChg>
        <pc:grpChg chg="mod">
          <ac:chgData name="Matias Vázquez Piñón" userId="2f86a967-3c9c-4a39-b538-7e6c0574d83d" providerId="ADAL" clId="{214B05F5-CDC9-49A7-9890-C2F0602C8542}" dt="2022-08-19T18:29:53.496" v="4702"/>
          <ac:grpSpMkLst>
            <pc:docMk/>
            <pc:sldMk cId="474326173" sldId="294"/>
            <ac:grpSpMk id="20" creationId="{854C0B4D-8297-31B2-17A5-14F2B588DC5A}"/>
          </ac:grpSpMkLst>
        </pc:grpChg>
        <pc:grpChg chg="del mod">
          <ac:chgData name="Matias Vázquez Piñón" userId="2f86a967-3c9c-4a39-b538-7e6c0574d83d" providerId="ADAL" clId="{214B05F5-CDC9-49A7-9890-C2F0602C8542}" dt="2022-08-19T18:29:58.654" v="4711"/>
          <ac:grpSpMkLst>
            <pc:docMk/>
            <pc:sldMk cId="474326173" sldId="294"/>
            <ac:grpSpMk id="23" creationId="{48821E44-716D-5EF0-7F60-17656BF48BF6}"/>
          </ac:grpSpMkLst>
        </pc:grpChg>
        <pc:grpChg chg="mod">
          <ac:chgData name="Matias Vázquez Piñón" userId="2f86a967-3c9c-4a39-b538-7e6c0574d83d" providerId="ADAL" clId="{214B05F5-CDC9-49A7-9890-C2F0602C8542}" dt="2022-08-19T18:29:58.654" v="4711"/>
          <ac:grpSpMkLst>
            <pc:docMk/>
            <pc:sldMk cId="474326173" sldId="294"/>
            <ac:grpSpMk id="29" creationId="{F2183F43-CEEF-42D5-BFE9-310742DF1485}"/>
          </ac:grpSpMkLst>
        </pc:grpChg>
        <pc:grpChg chg="del mod">
          <ac:chgData name="Matias Vázquez Piñón" userId="2f86a967-3c9c-4a39-b538-7e6c0574d83d" providerId="ADAL" clId="{214B05F5-CDC9-49A7-9890-C2F0602C8542}" dt="2022-08-19T18:30:07.112" v="4721"/>
          <ac:grpSpMkLst>
            <pc:docMk/>
            <pc:sldMk cId="474326173" sldId="294"/>
            <ac:grpSpMk id="32" creationId="{06721BE5-6246-FE50-316A-F09837535707}"/>
          </ac:grpSpMkLst>
        </pc:grpChg>
        <pc:grpChg chg="mod">
          <ac:chgData name="Matias Vázquez Piñón" userId="2f86a967-3c9c-4a39-b538-7e6c0574d83d" providerId="ADAL" clId="{214B05F5-CDC9-49A7-9890-C2F0602C8542}" dt="2022-08-19T18:30:07.112" v="4721"/>
          <ac:grpSpMkLst>
            <pc:docMk/>
            <pc:sldMk cId="474326173" sldId="294"/>
            <ac:grpSpMk id="39" creationId="{419F9529-006D-4F43-87CB-3324EBCA5A87}"/>
          </ac:grpSpMkLst>
        </pc:grpChg>
        <pc:grpChg chg="mod">
          <ac:chgData name="Matias Vázquez Piñón" userId="2f86a967-3c9c-4a39-b538-7e6c0574d83d" providerId="ADAL" clId="{214B05F5-CDC9-49A7-9890-C2F0602C8542}" dt="2022-08-19T18:30:13.061" v="4728"/>
          <ac:grpSpMkLst>
            <pc:docMk/>
            <pc:sldMk cId="474326173" sldId="294"/>
            <ac:grpSpMk id="46" creationId="{1DAF0F0D-B2F5-2CE1-204B-B71BA8D858C8}"/>
          </ac:grpSpMkLst>
        </pc:grpChg>
        <pc:grpChg chg="mod">
          <ac:chgData name="Matias Vázquez Piñón" userId="2f86a967-3c9c-4a39-b538-7e6c0574d83d" providerId="ADAL" clId="{214B05F5-CDC9-49A7-9890-C2F0602C8542}" dt="2022-08-19T18:30:17.017" v="4735"/>
          <ac:grpSpMkLst>
            <pc:docMk/>
            <pc:sldMk cId="474326173" sldId="294"/>
            <ac:grpSpMk id="53" creationId="{D1967E3F-B215-66E8-67E4-A3447B376CBA}"/>
          </ac:grpSpMkLst>
        </pc:grpChg>
        <pc:inkChg chg="add mod">
          <ac:chgData name="Matias Vázquez Piñón" userId="2f86a967-3c9c-4a39-b538-7e6c0574d83d" providerId="ADAL" clId="{214B05F5-CDC9-49A7-9890-C2F0602C8542}" dt="2022-08-19T18:29:53.496" v="4702"/>
          <ac:inkMkLst>
            <pc:docMk/>
            <pc:sldMk cId="474326173" sldId="294"/>
            <ac:inkMk id="5" creationId="{24E7B3CC-4A6C-4E07-EAC3-4731E67FEB9C}"/>
          </ac:inkMkLst>
        </pc:inkChg>
        <pc:inkChg chg="add mod">
          <ac:chgData name="Matias Vázquez Piñón" userId="2f86a967-3c9c-4a39-b538-7e6c0574d83d" providerId="ADAL" clId="{214B05F5-CDC9-49A7-9890-C2F0602C8542}" dt="2022-08-19T18:29:53.496" v="4702"/>
          <ac:inkMkLst>
            <pc:docMk/>
            <pc:sldMk cId="474326173" sldId="294"/>
            <ac:inkMk id="6" creationId="{42D2E33B-7B65-AA37-513E-2476FABEC8DB}"/>
          </ac:inkMkLst>
        </pc:inkChg>
        <pc:inkChg chg="add mod">
          <ac:chgData name="Matias Vázquez Piñón" userId="2f86a967-3c9c-4a39-b538-7e6c0574d83d" providerId="ADAL" clId="{214B05F5-CDC9-49A7-9890-C2F0602C8542}" dt="2022-08-19T18:29:53.496" v="4702"/>
          <ac:inkMkLst>
            <pc:docMk/>
            <pc:sldMk cId="474326173" sldId="294"/>
            <ac:inkMk id="7" creationId="{1F4007FA-B349-4C80-FEF8-D27F32ADC674}"/>
          </ac:inkMkLst>
        </pc:inkChg>
        <pc:inkChg chg="add mod">
          <ac:chgData name="Matias Vázquez Piñón" userId="2f86a967-3c9c-4a39-b538-7e6c0574d83d" providerId="ADAL" clId="{214B05F5-CDC9-49A7-9890-C2F0602C8542}" dt="2022-08-19T18:29:53.496" v="4702"/>
          <ac:inkMkLst>
            <pc:docMk/>
            <pc:sldMk cId="474326173" sldId="294"/>
            <ac:inkMk id="8" creationId="{36CF0FDF-9F86-8F71-F0CF-48ACADFF0EAA}"/>
          </ac:inkMkLst>
        </pc:inkChg>
        <pc:inkChg chg="add mod">
          <ac:chgData name="Matias Vázquez Piñón" userId="2f86a967-3c9c-4a39-b538-7e6c0574d83d" providerId="ADAL" clId="{214B05F5-CDC9-49A7-9890-C2F0602C8542}" dt="2022-08-19T18:29:53.496" v="4702"/>
          <ac:inkMkLst>
            <pc:docMk/>
            <pc:sldMk cId="474326173" sldId="294"/>
            <ac:inkMk id="9" creationId="{26851FE1-110E-A306-430F-003C07C19238}"/>
          </ac:inkMkLst>
        </pc:inkChg>
        <pc:inkChg chg="add mod">
          <ac:chgData name="Matias Vázquez Piñón" userId="2f86a967-3c9c-4a39-b538-7e6c0574d83d" providerId="ADAL" clId="{214B05F5-CDC9-49A7-9890-C2F0602C8542}" dt="2022-08-19T18:29:53.496" v="4702"/>
          <ac:inkMkLst>
            <pc:docMk/>
            <pc:sldMk cId="474326173" sldId="294"/>
            <ac:inkMk id="10" creationId="{D33C4518-8E23-F89E-0C9A-8CDA9F95ABCA}"/>
          </ac:inkMkLst>
        </pc:inkChg>
        <pc:inkChg chg="add mod">
          <ac:chgData name="Matias Vázquez Piñón" userId="2f86a967-3c9c-4a39-b538-7e6c0574d83d" providerId="ADAL" clId="{214B05F5-CDC9-49A7-9890-C2F0602C8542}" dt="2022-08-19T18:29:53.496" v="4702"/>
          <ac:inkMkLst>
            <pc:docMk/>
            <pc:sldMk cId="474326173" sldId="294"/>
            <ac:inkMk id="11" creationId="{B1582245-BCC6-ADAA-7E70-9AD154C1BFAF}"/>
          </ac:inkMkLst>
        </pc:inkChg>
        <pc:inkChg chg="add mod">
          <ac:chgData name="Matias Vázquez Piñón" userId="2f86a967-3c9c-4a39-b538-7e6c0574d83d" providerId="ADAL" clId="{214B05F5-CDC9-49A7-9890-C2F0602C8542}" dt="2022-08-19T18:29:58.654" v="4711"/>
          <ac:inkMkLst>
            <pc:docMk/>
            <pc:sldMk cId="474326173" sldId="294"/>
            <ac:inkMk id="12" creationId="{3ECAD2C7-D1B5-2A15-D914-A97A6AEB8667}"/>
          </ac:inkMkLst>
        </pc:inkChg>
        <pc:inkChg chg="add mod">
          <ac:chgData name="Matias Vázquez Piñón" userId="2f86a967-3c9c-4a39-b538-7e6c0574d83d" providerId="ADAL" clId="{214B05F5-CDC9-49A7-9890-C2F0602C8542}" dt="2022-08-19T18:29:58.654" v="4711"/>
          <ac:inkMkLst>
            <pc:docMk/>
            <pc:sldMk cId="474326173" sldId="294"/>
            <ac:inkMk id="13" creationId="{5DB7DCFC-5A9A-9E7C-0834-B1659A797FA6}"/>
          </ac:inkMkLst>
        </pc:inkChg>
        <pc:inkChg chg="add mod">
          <ac:chgData name="Matias Vázquez Piñón" userId="2f86a967-3c9c-4a39-b538-7e6c0574d83d" providerId="ADAL" clId="{214B05F5-CDC9-49A7-9890-C2F0602C8542}" dt="2022-08-19T18:29:58.654" v="4711"/>
          <ac:inkMkLst>
            <pc:docMk/>
            <pc:sldMk cId="474326173" sldId="294"/>
            <ac:inkMk id="14" creationId="{49E2188A-5A96-5B85-C5F2-F6F555ADEFCA}"/>
          </ac:inkMkLst>
        </pc:inkChg>
        <pc:inkChg chg="add mod">
          <ac:chgData name="Matias Vázquez Piñón" userId="2f86a967-3c9c-4a39-b538-7e6c0574d83d" providerId="ADAL" clId="{214B05F5-CDC9-49A7-9890-C2F0602C8542}" dt="2022-08-19T18:29:58.654" v="4711"/>
          <ac:inkMkLst>
            <pc:docMk/>
            <pc:sldMk cId="474326173" sldId="294"/>
            <ac:inkMk id="15" creationId="{0C8A04BF-DB89-71CB-D704-76C3F623E618}"/>
          </ac:inkMkLst>
        </pc:inkChg>
        <pc:inkChg chg="add mod">
          <ac:chgData name="Matias Vázquez Piñón" userId="2f86a967-3c9c-4a39-b538-7e6c0574d83d" providerId="ADAL" clId="{214B05F5-CDC9-49A7-9890-C2F0602C8542}" dt="2022-08-19T18:29:58.654" v="4711"/>
          <ac:inkMkLst>
            <pc:docMk/>
            <pc:sldMk cId="474326173" sldId="294"/>
            <ac:inkMk id="16" creationId="{7691F161-BEAD-F7DA-A288-C5398E03B55F}"/>
          </ac:inkMkLst>
        </pc:inkChg>
        <pc:inkChg chg="add mod">
          <ac:chgData name="Matias Vázquez Piñón" userId="2f86a967-3c9c-4a39-b538-7e6c0574d83d" providerId="ADAL" clId="{214B05F5-CDC9-49A7-9890-C2F0602C8542}" dt="2022-08-19T18:29:58.654" v="4711"/>
          <ac:inkMkLst>
            <pc:docMk/>
            <pc:sldMk cId="474326173" sldId="294"/>
            <ac:inkMk id="17" creationId="{C2BE81F1-57E1-16E7-160F-47BFE6439A5C}"/>
          </ac:inkMkLst>
        </pc:inkChg>
        <pc:inkChg chg="add mod">
          <ac:chgData name="Matias Vázquez Piñón" userId="2f86a967-3c9c-4a39-b538-7e6c0574d83d" providerId="ADAL" clId="{214B05F5-CDC9-49A7-9890-C2F0602C8542}" dt="2022-08-19T18:29:58.654" v="4711"/>
          <ac:inkMkLst>
            <pc:docMk/>
            <pc:sldMk cId="474326173" sldId="294"/>
            <ac:inkMk id="18" creationId="{A2DACB6A-0692-1418-8317-7BAC07AC47AE}"/>
          </ac:inkMkLst>
        </pc:inkChg>
        <pc:inkChg chg="add mod">
          <ac:chgData name="Matias Vázquez Piñón" userId="2f86a967-3c9c-4a39-b538-7e6c0574d83d" providerId="ADAL" clId="{214B05F5-CDC9-49A7-9890-C2F0602C8542}" dt="2022-08-19T18:29:58.654" v="4711"/>
          <ac:inkMkLst>
            <pc:docMk/>
            <pc:sldMk cId="474326173" sldId="294"/>
            <ac:inkMk id="21" creationId="{A38266DD-9939-943B-BB54-3844514FC3F8}"/>
          </ac:inkMkLst>
        </pc:inkChg>
        <pc:inkChg chg="add mod">
          <ac:chgData name="Matias Vázquez Piñón" userId="2f86a967-3c9c-4a39-b538-7e6c0574d83d" providerId="ADAL" clId="{214B05F5-CDC9-49A7-9890-C2F0602C8542}" dt="2022-08-19T18:29:58.654" v="4711"/>
          <ac:inkMkLst>
            <pc:docMk/>
            <pc:sldMk cId="474326173" sldId="294"/>
            <ac:inkMk id="22" creationId="{ABEDF662-F917-9DD5-3E19-B05914957FD0}"/>
          </ac:inkMkLst>
        </pc:inkChg>
        <pc:inkChg chg="add mod">
          <ac:chgData name="Matias Vázquez Piñón" userId="2f86a967-3c9c-4a39-b538-7e6c0574d83d" providerId="ADAL" clId="{214B05F5-CDC9-49A7-9890-C2F0602C8542}" dt="2022-08-19T18:29:58.654" v="4711"/>
          <ac:inkMkLst>
            <pc:docMk/>
            <pc:sldMk cId="474326173" sldId="294"/>
            <ac:inkMk id="24" creationId="{F9CCD375-2D16-F751-7515-7B4458B970AA}"/>
          </ac:inkMkLst>
        </pc:inkChg>
        <pc:inkChg chg="add mod">
          <ac:chgData name="Matias Vázquez Piñón" userId="2f86a967-3c9c-4a39-b538-7e6c0574d83d" providerId="ADAL" clId="{214B05F5-CDC9-49A7-9890-C2F0602C8542}" dt="2022-08-19T18:29:58.654" v="4711"/>
          <ac:inkMkLst>
            <pc:docMk/>
            <pc:sldMk cId="474326173" sldId="294"/>
            <ac:inkMk id="25" creationId="{43BCD6C7-CC5C-4192-98B8-33B82D33BF1B}"/>
          </ac:inkMkLst>
        </pc:inkChg>
        <pc:inkChg chg="add mod">
          <ac:chgData name="Matias Vázquez Piñón" userId="2f86a967-3c9c-4a39-b538-7e6c0574d83d" providerId="ADAL" clId="{214B05F5-CDC9-49A7-9890-C2F0602C8542}" dt="2022-08-19T18:29:58.654" v="4711"/>
          <ac:inkMkLst>
            <pc:docMk/>
            <pc:sldMk cId="474326173" sldId="294"/>
            <ac:inkMk id="26" creationId="{1BC69FEE-7CED-0062-F484-36669AEEDC36}"/>
          </ac:inkMkLst>
        </pc:inkChg>
        <pc:inkChg chg="add mod">
          <ac:chgData name="Matias Vázquez Piñón" userId="2f86a967-3c9c-4a39-b538-7e6c0574d83d" providerId="ADAL" clId="{214B05F5-CDC9-49A7-9890-C2F0602C8542}" dt="2022-08-19T18:29:58.654" v="4711"/>
          <ac:inkMkLst>
            <pc:docMk/>
            <pc:sldMk cId="474326173" sldId="294"/>
            <ac:inkMk id="27" creationId="{5AAFD369-6C09-DDFE-CDCD-F359013C5610}"/>
          </ac:inkMkLst>
        </pc:inkChg>
        <pc:inkChg chg="add mod">
          <ac:chgData name="Matias Vázquez Piñón" userId="2f86a967-3c9c-4a39-b538-7e6c0574d83d" providerId="ADAL" clId="{214B05F5-CDC9-49A7-9890-C2F0602C8542}" dt="2022-08-19T18:29:58.654" v="4711"/>
          <ac:inkMkLst>
            <pc:docMk/>
            <pc:sldMk cId="474326173" sldId="294"/>
            <ac:inkMk id="28" creationId="{473A0CC8-9D42-19F2-5089-3E2A108719FC}"/>
          </ac:inkMkLst>
        </pc:inkChg>
        <pc:inkChg chg="add mod">
          <ac:chgData name="Matias Vázquez Piñón" userId="2f86a967-3c9c-4a39-b538-7e6c0574d83d" providerId="ADAL" clId="{214B05F5-CDC9-49A7-9890-C2F0602C8542}" dt="2022-08-19T18:30:07.112" v="4721"/>
          <ac:inkMkLst>
            <pc:docMk/>
            <pc:sldMk cId="474326173" sldId="294"/>
            <ac:inkMk id="30" creationId="{156C2C19-A429-755D-EA01-521796DF5968}"/>
          </ac:inkMkLst>
        </pc:inkChg>
        <pc:inkChg chg="add mod">
          <ac:chgData name="Matias Vázquez Piñón" userId="2f86a967-3c9c-4a39-b538-7e6c0574d83d" providerId="ADAL" clId="{214B05F5-CDC9-49A7-9890-C2F0602C8542}" dt="2022-08-19T18:30:07.112" v="4721"/>
          <ac:inkMkLst>
            <pc:docMk/>
            <pc:sldMk cId="474326173" sldId="294"/>
            <ac:inkMk id="31" creationId="{B2C036F3-A63E-8058-1190-9BFD87972987}"/>
          </ac:inkMkLst>
        </pc:inkChg>
        <pc:inkChg chg="add mod">
          <ac:chgData name="Matias Vázquez Piñón" userId="2f86a967-3c9c-4a39-b538-7e6c0574d83d" providerId="ADAL" clId="{214B05F5-CDC9-49A7-9890-C2F0602C8542}" dt="2022-08-19T18:30:07.112" v="4721"/>
          <ac:inkMkLst>
            <pc:docMk/>
            <pc:sldMk cId="474326173" sldId="294"/>
            <ac:inkMk id="33" creationId="{0343F52F-9841-A4A1-DF62-A667AF8C2EA1}"/>
          </ac:inkMkLst>
        </pc:inkChg>
        <pc:inkChg chg="add mod">
          <ac:chgData name="Matias Vázquez Piñón" userId="2f86a967-3c9c-4a39-b538-7e6c0574d83d" providerId="ADAL" clId="{214B05F5-CDC9-49A7-9890-C2F0602C8542}" dt="2022-08-19T18:30:07.112" v="4721"/>
          <ac:inkMkLst>
            <pc:docMk/>
            <pc:sldMk cId="474326173" sldId="294"/>
            <ac:inkMk id="34" creationId="{33D8E1F4-04C5-39EA-4747-B60BAF5DBB5E}"/>
          </ac:inkMkLst>
        </pc:inkChg>
        <pc:inkChg chg="add mod">
          <ac:chgData name="Matias Vázquez Piñón" userId="2f86a967-3c9c-4a39-b538-7e6c0574d83d" providerId="ADAL" clId="{214B05F5-CDC9-49A7-9890-C2F0602C8542}" dt="2022-08-19T18:30:07.112" v="4721"/>
          <ac:inkMkLst>
            <pc:docMk/>
            <pc:sldMk cId="474326173" sldId="294"/>
            <ac:inkMk id="35" creationId="{A2B41B2C-9722-C8F9-5EEE-0613405F553E}"/>
          </ac:inkMkLst>
        </pc:inkChg>
        <pc:inkChg chg="add mod">
          <ac:chgData name="Matias Vázquez Piñón" userId="2f86a967-3c9c-4a39-b538-7e6c0574d83d" providerId="ADAL" clId="{214B05F5-CDC9-49A7-9890-C2F0602C8542}" dt="2022-08-19T18:30:07.112" v="4721"/>
          <ac:inkMkLst>
            <pc:docMk/>
            <pc:sldMk cId="474326173" sldId="294"/>
            <ac:inkMk id="36" creationId="{92953703-138A-7829-CB65-68E0A871AFF9}"/>
          </ac:inkMkLst>
        </pc:inkChg>
        <pc:inkChg chg="add mod">
          <ac:chgData name="Matias Vázquez Piñón" userId="2f86a967-3c9c-4a39-b538-7e6c0574d83d" providerId="ADAL" clId="{214B05F5-CDC9-49A7-9890-C2F0602C8542}" dt="2022-08-19T18:30:07.112" v="4721"/>
          <ac:inkMkLst>
            <pc:docMk/>
            <pc:sldMk cId="474326173" sldId="294"/>
            <ac:inkMk id="37" creationId="{7E0E4884-FBB4-63FC-7D14-79C278AF1CB9}"/>
          </ac:inkMkLst>
        </pc:inkChg>
        <pc:inkChg chg="add mod">
          <ac:chgData name="Matias Vázquez Piñón" userId="2f86a967-3c9c-4a39-b538-7e6c0574d83d" providerId="ADAL" clId="{214B05F5-CDC9-49A7-9890-C2F0602C8542}" dt="2022-08-19T18:30:07.112" v="4721"/>
          <ac:inkMkLst>
            <pc:docMk/>
            <pc:sldMk cId="474326173" sldId="294"/>
            <ac:inkMk id="38" creationId="{80202611-9023-3465-5137-29B6069ADEE6}"/>
          </ac:inkMkLst>
        </pc:inkChg>
        <pc:inkChg chg="add mod">
          <ac:chgData name="Matias Vázquez Piñón" userId="2f86a967-3c9c-4a39-b538-7e6c0574d83d" providerId="ADAL" clId="{214B05F5-CDC9-49A7-9890-C2F0602C8542}" dt="2022-08-19T18:30:13.061" v="4728"/>
          <ac:inkMkLst>
            <pc:docMk/>
            <pc:sldMk cId="474326173" sldId="294"/>
            <ac:inkMk id="40" creationId="{E8E2668A-9398-4BA9-EEE5-423530C1D504}"/>
          </ac:inkMkLst>
        </pc:inkChg>
        <pc:inkChg chg="add mod">
          <ac:chgData name="Matias Vázquez Piñón" userId="2f86a967-3c9c-4a39-b538-7e6c0574d83d" providerId="ADAL" clId="{214B05F5-CDC9-49A7-9890-C2F0602C8542}" dt="2022-08-19T18:30:13.061" v="4728"/>
          <ac:inkMkLst>
            <pc:docMk/>
            <pc:sldMk cId="474326173" sldId="294"/>
            <ac:inkMk id="41" creationId="{0A0F77CD-C905-DA62-087F-490DF71DAB15}"/>
          </ac:inkMkLst>
        </pc:inkChg>
        <pc:inkChg chg="add mod">
          <ac:chgData name="Matias Vázquez Piñón" userId="2f86a967-3c9c-4a39-b538-7e6c0574d83d" providerId="ADAL" clId="{214B05F5-CDC9-49A7-9890-C2F0602C8542}" dt="2022-08-19T18:30:13.061" v="4728"/>
          <ac:inkMkLst>
            <pc:docMk/>
            <pc:sldMk cId="474326173" sldId="294"/>
            <ac:inkMk id="42" creationId="{4B81A154-503A-9A4E-4AB5-C3D57B7E2265}"/>
          </ac:inkMkLst>
        </pc:inkChg>
        <pc:inkChg chg="add mod">
          <ac:chgData name="Matias Vázquez Piñón" userId="2f86a967-3c9c-4a39-b538-7e6c0574d83d" providerId="ADAL" clId="{214B05F5-CDC9-49A7-9890-C2F0602C8542}" dt="2022-08-19T18:30:13.061" v="4728"/>
          <ac:inkMkLst>
            <pc:docMk/>
            <pc:sldMk cId="474326173" sldId="294"/>
            <ac:inkMk id="43" creationId="{CC4DE171-7F6D-EE29-865A-F61A17C1DEE7}"/>
          </ac:inkMkLst>
        </pc:inkChg>
        <pc:inkChg chg="add mod">
          <ac:chgData name="Matias Vázquez Piñón" userId="2f86a967-3c9c-4a39-b538-7e6c0574d83d" providerId="ADAL" clId="{214B05F5-CDC9-49A7-9890-C2F0602C8542}" dt="2022-08-19T18:30:13.061" v="4728"/>
          <ac:inkMkLst>
            <pc:docMk/>
            <pc:sldMk cId="474326173" sldId="294"/>
            <ac:inkMk id="44" creationId="{F62D7E4A-9C52-620F-65EA-42A14D8DF74E}"/>
          </ac:inkMkLst>
        </pc:inkChg>
        <pc:inkChg chg="add mod">
          <ac:chgData name="Matias Vázquez Piñón" userId="2f86a967-3c9c-4a39-b538-7e6c0574d83d" providerId="ADAL" clId="{214B05F5-CDC9-49A7-9890-C2F0602C8542}" dt="2022-08-19T18:30:13.061" v="4728"/>
          <ac:inkMkLst>
            <pc:docMk/>
            <pc:sldMk cId="474326173" sldId="294"/>
            <ac:inkMk id="45" creationId="{E5673824-E1E1-9935-22B9-F4F9B3DDDD11}"/>
          </ac:inkMkLst>
        </pc:inkChg>
        <pc:inkChg chg="add mod">
          <ac:chgData name="Matias Vázquez Piñón" userId="2f86a967-3c9c-4a39-b538-7e6c0574d83d" providerId="ADAL" clId="{214B05F5-CDC9-49A7-9890-C2F0602C8542}" dt="2022-08-19T18:30:17.017" v="4735"/>
          <ac:inkMkLst>
            <pc:docMk/>
            <pc:sldMk cId="474326173" sldId="294"/>
            <ac:inkMk id="47" creationId="{0696332C-BB6D-6FF3-9EDF-70133A1AD3DD}"/>
          </ac:inkMkLst>
        </pc:inkChg>
        <pc:inkChg chg="add mod">
          <ac:chgData name="Matias Vázquez Piñón" userId="2f86a967-3c9c-4a39-b538-7e6c0574d83d" providerId="ADAL" clId="{214B05F5-CDC9-49A7-9890-C2F0602C8542}" dt="2022-08-19T18:30:17.017" v="4735"/>
          <ac:inkMkLst>
            <pc:docMk/>
            <pc:sldMk cId="474326173" sldId="294"/>
            <ac:inkMk id="48" creationId="{021A0B23-762F-925C-BA3C-3DC5858F5931}"/>
          </ac:inkMkLst>
        </pc:inkChg>
        <pc:inkChg chg="add mod">
          <ac:chgData name="Matias Vázquez Piñón" userId="2f86a967-3c9c-4a39-b538-7e6c0574d83d" providerId="ADAL" clId="{214B05F5-CDC9-49A7-9890-C2F0602C8542}" dt="2022-08-19T18:30:17.017" v="4735"/>
          <ac:inkMkLst>
            <pc:docMk/>
            <pc:sldMk cId="474326173" sldId="294"/>
            <ac:inkMk id="49" creationId="{A79B9662-F137-FE08-3AD0-DC7A605CA27C}"/>
          </ac:inkMkLst>
        </pc:inkChg>
        <pc:inkChg chg="add mod">
          <ac:chgData name="Matias Vázquez Piñón" userId="2f86a967-3c9c-4a39-b538-7e6c0574d83d" providerId="ADAL" clId="{214B05F5-CDC9-49A7-9890-C2F0602C8542}" dt="2022-08-19T18:30:17.017" v="4735"/>
          <ac:inkMkLst>
            <pc:docMk/>
            <pc:sldMk cId="474326173" sldId="294"/>
            <ac:inkMk id="50" creationId="{AD91F27A-C02F-3C32-521F-69C81FF64EB4}"/>
          </ac:inkMkLst>
        </pc:inkChg>
        <pc:inkChg chg="add mod">
          <ac:chgData name="Matias Vázquez Piñón" userId="2f86a967-3c9c-4a39-b538-7e6c0574d83d" providerId="ADAL" clId="{214B05F5-CDC9-49A7-9890-C2F0602C8542}" dt="2022-08-19T18:30:17.017" v="4735"/>
          <ac:inkMkLst>
            <pc:docMk/>
            <pc:sldMk cId="474326173" sldId="294"/>
            <ac:inkMk id="51" creationId="{E1B17BB3-30F4-2205-4107-73371B27051B}"/>
          </ac:inkMkLst>
        </pc:inkChg>
        <pc:inkChg chg="add mod">
          <ac:chgData name="Matias Vázquez Piñón" userId="2f86a967-3c9c-4a39-b538-7e6c0574d83d" providerId="ADAL" clId="{214B05F5-CDC9-49A7-9890-C2F0602C8542}" dt="2022-08-19T18:30:17.017" v="4735"/>
          <ac:inkMkLst>
            <pc:docMk/>
            <pc:sldMk cId="474326173" sldId="294"/>
            <ac:inkMk id="52" creationId="{DC662A02-E51C-5F6B-DE07-A6DB6D1D369F}"/>
          </ac:inkMkLst>
        </pc:inkChg>
      </pc:sldChg>
      <pc:sldChg chg="addSp delSp modSp new del mod">
        <pc:chgData name="Matias Vázquez Piñón" userId="2f86a967-3c9c-4a39-b538-7e6c0574d83d" providerId="ADAL" clId="{214B05F5-CDC9-49A7-9890-C2F0602C8542}" dt="2022-08-17T20:24:39.677" v="4670" actId="47"/>
        <pc:sldMkLst>
          <pc:docMk/>
          <pc:sldMk cId="1019996486" sldId="294"/>
        </pc:sldMkLst>
        <pc:spChg chg="mod">
          <ac:chgData name="Matias Vázquez Piñón" userId="2f86a967-3c9c-4a39-b538-7e6c0574d83d" providerId="ADAL" clId="{214B05F5-CDC9-49A7-9890-C2F0602C8542}" dt="2022-08-17T20:17:16.786" v="4613"/>
          <ac:spMkLst>
            <pc:docMk/>
            <pc:sldMk cId="1019996486" sldId="294"/>
            <ac:spMk id="2" creationId="{B0083F00-0031-2DF4-7C55-53579CCEEE1D}"/>
          </ac:spMkLst>
        </pc:spChg>
        <pc:spChg chg="mod">
          <ac:chgData name="Matias Vázquez Piñón" userId="2f86a967-3c9c-4a39-b538-7e6c0574d83d" providerId="ADAL" clId="{214B05F5-CDC9-49A7-9890-C2F0602C8542}" dt="2022-08-17T20:17:52.847" v="4663" actId="20577"/>
          <ac:spMkLst>
            <pc:docMk/>
            <pc:sldMk cId="1019996486" sldId="294"/>
            <ac:spMk id="3" creationId="{25BE65EB-FA00-0B8F-4D00-2B41E75D5074}"/>
          </ac:spMkLst>
        </pc:spChg>
        <pc:spChg chg="del">
          <ac:chgData name="Matias Vázquez Piñón" userId="2f86a967-3c9c-4a39-b538-7e6c0574d83d" providerId="ADAL" clId="{214B05F5-CDC9-49A7-9890-C2F0602C8542}" dt="2022-08-17T20:23:22.453" v="4664" actId="22"/>
          <ac:spMkLst>
            <pc:docMk/>
            <pc:sldMk cId="1019996486" sldId="294"/>
            <ac:spMk id="4" creationId="{0EBCFDDE-D1EE-08A2-C184-ED3648C0D8F8}"/>
          </ac:spMkLst>
        </pc:spChg>
        <pc:spChg chg="add mod">
          <ac:chgData name="Matias Vázquez Piñón" userId="2f86a967-3c9c-4a39-b538-7e6c0574d83d" providerId="ADAL" clId="{214B05F5-CDC9-49A7-9890-C2F0602C8542}" dt="2022-08-17T20:23:37.664" v="4665" actId="478"/>
          <ac:spMkLst>
            <pc:docMk/>
            <pc:sldMk cId="1019996486" sldId="294"/>
            <ac:spMk id="8" creationId="{C9CF7A0A-5EDE-C540-3960-9700FA748B21}"/>
          </ac:spMkLst>
        </pc:spChg>
        <pc:picChg chg="add del mod ord">
          <ac:chgData name="Matias Vázquez Piñón" userId="2f86a967-3c9c-4a39-b538-7e6c0574d83d" providerId="ADAL" clId="{214B05F5-CDC9-49A7-9890-C2F0602C8542}" dt="2022-08-17T20:23:37.664" v="4665" actId="478"/>
          <ac:picMkLst>
            <pc:docMk/>
            <pc:sldMk cId="1019996486" sldId="294"/>
            <ac:picMk id="7" creationId="{4CEC0553-5A05-DA5F-B982-984E0F0A5AC0}"/>
          </ac:picMkLst>
        </pc:picChg>
      </pc:sldChg>
      <pc:sldChg chg="add">
        <pc:chgData name="Matias Vázquez Piñón" userId="2f86a967-3c9c-4a39-b538-7e6c0574d83d" providerId="ADAL" clId="{214B05F5-CDC9-49A7-9890-C2F0602C8542}" dt="2022-08-19T19:01:27.358" v="4824" actId="2890"/>
        <pc:sldMkLst>
          <pc:docMk/>
          <pc:sldMk cId="1977261174" sldId="294"/>
        </pc:sldMkLst>
      </pc:sldChg>
      <pc:sldChg chg="addSp delSp modSp new mod chgLayout">
        <pc:chgData name="Matias Vázquez Piñón" userId="2f86a967-3c9c-4a39-b538-7e6c0574d83d" providerId="ADAL" clId="{214B05F5-CDC9-49A7-9890-C2F0602C8542}" dt="2022-08-19T21:16:17.019" v="4876" actId="20577"/>
        <pc:sldMkLst>
          <pc:docMk/>
          <pc:sldMk cId="2473330086" sldId="295"/>
        </pc:sldMkLst>
        <pc:spChg chg="del mod ord">
          <ac:chgData name="Matias Vázquez Piñón" userId="2f86a967-3c9c-4a39-b538-7e6c0574d83d" providerId="ADAL" clId="{214B05F5-CDC9-49A7-9890-C2F0602C8542}" dt="2022-08-19T21:16:02.655" v="4826" actId="700"/>
          <ac:spMkLst>
            <pc:docMk/>
            <pc:sldMk cId="2473330086" sldId="295"/>
            <ac:spMk id="2" creationId="{32677727-068A-F2C9-B664-D91FB2E1284A}"/>
          </ac:spMkLst>
        </pc:spChg>
        <pc:spChg chg="del mod ord">
          <ac:chgData name="Matias Vázquez Piñón" userId="2f86a967-3c9c-4a39-b538-7e6c0574d83d" providerId="ADAL" clId="{214B05F5-CDC9-49A7-9890-C2F0602C8542}" dt="2022-08-19T21:16:02.655" v="4826" actId="700"/>
          <ac:spMkLst>
            <pc:docMk/>
            <pc:sldMk cId="2473330086" sldId="295"/>
            <ac:spMk id="3" creationId="{310E2BE7-FF66-A5D0-DB6E-6DB16E7EB3EE}"/>
          </ac:spMkLst>
        </pc:spChg>
        <pc:spChg chg="del">
          <ac:chgData name="Matias Vázquez Piñón" userId="2f86a967-3c9c-4a39-b538-7e6c0574d83d" providerId="ADAL" clId="{214B05F5-CDC9-49A7-9890-C2F0602C8542}" dt="2022-08-19T21:16:02.655" v="4826" actId="700"/>
          <ac:spMkLst>
            <pc:docMk/>
            <pc:sldMk cId="2473330086" sldId="295"/>
            <ac:spMk id="4" creationId="{C6607A42-F7FB-536E-8189-9F61D20C9FA3}"/>
          </ac:spMkLst>
        </pc:spChg>
        <pc:spChg chg="mod ord">
          <ac:chgData name="Matias Vázquez Piñón" userId="2f86a967-3c9c-4a39-b538-7e6c0574d83d" providerId="ADAL" clId="{214B05F5-CDC9-49A7-9890-C2F0602C8542}" dt="2022-08-19T21:16:02.655" v="4826" actId="700"/>
          <ac:spMkLst>
            <pc:docMk/>
            <pc:sldMk cId="2473330086" sldId="295"/>
            <ac:spMk id="5" creationId="{3CE86259-A478-FA8D-018D-21501FFD6FD6}"/>
          </ac:spMkLst>
        </pc:spChg>
        <pc:spChg chg="add mod ord">
          <ac:chgData name="Matias Vázquez Piñón" userId="2f86a967-3c9c-4a39-b538-7e6c0574d83d" providerId="ADAL" clId="{214B05F5-CDC9-49A7-9890-C2F0602C8542}" dt="2022-08-19T21:16:07.310" v="4843" actId="20577"/>
          <ac:spMkLst>
            <pc:docMk/>
            <pc:sldMk cId="2473330086" sldId="295"/>
            <ac:spMk id="6" creationId="{34007F3E-9AAC-1E56-D590-855686936CCD}"/>
          </ac:spMkLst>
        </pc:spChg>
        <pc:spChg chg="add mod ord">
          <ac:chgData name="Matias Vázquez Piñón" userId="2f86a967-3c9c-4a39-b538-7e6c0574d83d" providerId="ADAL" clId="{214B05F5-CDC9-49A7-9890-C2F0602C8542}" dt="2022-08-19T21:16:17.019" v="4876" actId="20577"/>
          <ac:spMkLst>
            <pc:docMk/>
            <pc:sldMk cId="2473330086" sldId="295"/>
            <ac:spMk id="7" creationId="{7ABD9E20-3E63-2A06-A278-DD3FCB5BA0AC}"/>
          </ac:spMkLst>
        </pc:spChg>
      </pc:sldChg>
      <pc:sldChg chg="addSp delSp modSp del mod">
        <pc:chgData name="Matias Vázquez Piñón" userId="2f86a967-3c9c-4a39-b538-7e6c0574d83d" providerId="ADAL" clId="{214B05F5-CDC9-49A7-9890-C2F0602C8542}" dt="2022-08-23T18:28:50.214" v="5277" actId="47"/>
        <pc:sldMkLst>
          <pc:docMk/>
          <pc:sldMk cId="3451113877" sldId="296"/>
        </pc:sldMkLst>
        <pc:spChg chg="add del mod">
          <ac:chgData name="Matias Vázquez Piñón" userId="2f86a967-3c9c-4a39-b538-7e6c0574d83d" providerId="ADAL" clId="{214B05F5-CDC9-49A7-9890-C2F0602C8542}" dt="2022-08-23T18:02:18.461" v="4894"/>
          <ac:spMkLst>
            <pc:docMk/>
            <pc:sldMk cId="3451113877" sldId="296"/>
            <ac:spMk id="2" creationId="{39810AC8-3838-EFCE-EFBC-20DB9A23566C}"/>
          </ac:spMkLst>
        </pc:spChg>
        <pc:spChg chg="add del mod ord">
          <ac:chgData name="Matias Vázquez Piñón" userId="2f86a967-3c9c-4a39-b538-7e6c0574d83d" providerId="ADAL" clId="{214B05F5-CDC9-49A7-9890-C2F0602C8542}" dt="2022-08-23T18:15:18.999" v="5054" actId="478"/>
          <ac:spMkLst>
            <pc:docMk/>
            <pc:sldMk cId="3451113877" sldId="296"/>
            <ac:spMk id="3" creationId="{55E8227E-A43D-42C5-E16D-A576BAD3AB17}"/>
          </ac:spMkLst>
        </pc:spChg>
        <pc:spChg chg="add del mod">
          <ac:chgData name="Matias Vázquez Piñón" userId="2f86a967-3c9c-4a39-b538-7e6c0574d83d" providerId="ADAL" clId="{214B05F5-CDC9-49A7-9890-C2F0602C8542}" dt="2022-08-23T18:15:18.999" v="5054" actId="478"/>
          <ac:spMkLst>
            <pc:docMk/>
            <pc:sldMk cId="3451113877" sldId="296"/>
            <ac:spMk id="4" creationId="{2D8D0DE9-7CEA-13E3-3B54-9CA4FB4A597B}"/>
          </ac:spMkLst>
        </pc:spChg>
        <pc:spChg chg="del">
          <ac:chgData name="Matias Vázquez Piñón" userId="2f86a967-3c9c-4a39-b538-7e6c0574d83d" providerId="ADAL" clId="{214B05F5-CDC9-49A7-9890-C2F0602C8542}" dt="2022-08-23T18:15:18.999" v="5054" actId="478"/>
          <ac:spMkLst>
            <pc:docMk/>
            <pc:sldMk cId="3451113877" sldId="296"/>
            <ac:spMk id="13" creationId="{A058E5B6-3673-9FA4-24CE-46D23A704174}"/>
          </ac:spMkLst>
        </pc:spChg>
        <pc:spChg chg="del">
          <ac:chgData name="Matias Vázquez Piñón" userId="2f86a967-3c9c-4a39-b538-7e6c0574d83d" providerId="ADAL" clId="{214B05F5-CDC9-49A7-9890-C2F0602C8542}" dt="2022-08-23T17:44:15.215" v="4879" actId="478"/>
          <ac:spMkLst>
            <pc:docMk/>
            <pc:sldMk cId="3451113877" sldId="296"/>
            <ac:spMk id="34" creationId="{BAEC474E-ADBA-F582-3F66-9DEF53389C66}"/>
          </ac:spMkLst>
        </pc:spChg>
        <pc:spChg chg="add del mod">
          <ac:chgData name="Matias Vázquez Piñón" userId="2f86a967-3c9c-4a39-b538-7e6c0574d83d" providerId="ADAL" clId="{214B05F5-CDC9-49A7-9890-C2F0602C8542}" dt="2022-08-23T18:15:18.999" v="5054" actId="478"/>
          <ac:spMkLst>
            <pc:docMk/>
            <pc:sldMk cId="3451113877" sldId="296"/>
            <ac:spMk id="256" creationId="{F5A421DC-713F-0BDA-DC0A-36F8001A4405}"/>
          </ac:spMkLst>
        </pc:spChg>
        <pc:spChg chg="add del mod">
          <ac:chgData name="Matias Vázquez Piñón" userId="2f86a967-3c9c-4a39-b538-7e6c0574d83d" providerId="ADAL" clId="{214B05F5-CDC9-49A7-9890-C2F0602C8542}" dt="2022-08-23T18:15:18.999" v="5054" actId="478"/>
          <ac:spMkLst>
            <pc:docMk/>
            <pc:sldMk cId="3451113877" sldId="296"/>
            <ac:spMk id="258" creationId="{B098AD61-26D7-E112-DF3D-6FAFFE4AF303}"/>
          </ac:spMkLst>
        </pc:spChg>
        <pc:spChg chg="add del mod">
          <ac:chgData name="Matias Vázquez Piñón" userId="2f86a967-3c9c-4a39-b538-7e6c0574d83d" providerId="ADAL" clId="{214B05F5-CDC9-49A7-9890-C2F0602C8542}" dt="2022-08-23T18:11:33.908" v="5023" actId="478"/>
          <ac:spMkLst>
            <pc:docMk/>
            <pc:sldMk cId="3451113877" sldId="296"/>
            <ac:spMk id="265" creationId="{D478D068-7134-D704-8FE6-4ED22B4C2F81}"/>
          </ac:spMkLst>
        </pc:spChg>
        <pc:spChg chg="add del mod">
          <ac:chgData name="Matias Vázquez Piñón" userId="2f86a967-3c9c-4a39-b538-7e6c0574d83d" providerId="ADAL" clId="{214B05F5-CDC9-49A7-9890-C2F0602C8542}" dt="2022-08-23T18:15:18.999" v="5054" actId="478"/>
          <ac:spMkLst>
            <pc:docMk/>
            <pc:sldMk cId="3451113877" sldId="296"/>
            <ac:spMk id="266" creationId="{4ABA6259-835A-1000-4B83-5E8067EBA90D}"/>
          </ac:spMkLst>
        </pc:spChg>
        <pc:spChg chg="mod">
          <ac:chgData name="Matias Vázquez Piñón" userId="2f86a967-3c9c-4a39-b538-7e6c0574d83d" providerId="ADAL" clId="{214B05F5-CDC9-49A7-9890-C2F0602C8542}" dt="2022-08-23T18:15:19.145" v="5055"/>
          <ac:spMkLst>
            <pc:docMk/>
            <pc:sldMk cId="3451113877" sldId="296"/>
            <ac:spMk id="269" creationId="{F67EFD00-F9D4-F404-0E9A-ED2F43C53B5D}"/>
          </ac:spMkLst>
        </pc:spChg>
        <pc:spChg chg="mod">
          <ac:chgData name="Matias Vázquez Piñón" userId="2f86a967-3c9c-4a39-b538-7e6c0574d83d" providerId="ADAL" clId="{214B05F5-CDC9-49A7-9890-C2F0602C8542}" dt="2022-08-23T18:15:19.145" v="5055"/>
          <ac:spMkLst>
            <pc:docMk/>
            <pc:sldMk cId="3451113877" sldId="296"/>
            <ac:spMk id="270" creationId="{C0F2AE5C-47E0-F44D-6C86-3933BC880DA0}"/>
          </ac:spMkLst>
        </pc:spChg>
        <pc:spChg chg="mod">
          <ac:chgData name="Matias Vázquez Piñón" userId="2f86a967-3c9c-4a39-b538-7e6c0574d83d" providerId="ADAL" clId="{214B05F5-CDC9-49A7-9890-C2F0602C8542}" dt="2022-08-23T18:15:19.145" v="5055"/>
          <ac:spMkLst>
            <pc:docMk/>
            <pc:sldMk cId="3451113877" sldId="296"/>
            <ac:spMk id="273" creationId="{D1EE0C9C-840A-101A-8CDA-5FB9ECE02030}"/>
          </ac:spMkLst>
        </pc:spChg>
        <pc:spChg chg="mod">
          <ac:chgData name="Matias Vázquez Piñón" userId="2f86a967-3c9c-4a39-b538-7e6c0574d83d" providerId="ADAL" clId="{214B05F5-CDC9-49A7-9890-C2F0602C8542}" dt="2022-08-23T18:15:19.145" v="5055"/>
          <ac:spMkLst>
            <pc:docMk/>
            <pc:sldMk cId="3451113877" sldId="296"/>
            <ac:spMk id="274" creationId="{6789E954-AAF0-5A44-F8DA-071615DF80E7}"/>
          </ac:spMkLst>
        </pc:spChg>
        <pc:spChg chg="mod">
          <ac:chgData name="Matias Vázquez Piñón" userId="2f86a967-3c9c-4a39-b538-7e6c0574d83d" providerId="ADAL" clId="{214B05F5-CDC9-49A7-9890-C2F0602C8542}" dt="2022-08-23T18:15:19.145" v="5055"/>
          <ac:spMkLst>
            <pc:docMk/>
            <pc:sldMk cId="3451113877" sldId="296"/>
            <ac:spMk id="276" creationId="{A4B8C54A-2590-CCAE-9974-0B9AE0352396}"/>
          </ac:spMkLst>
        </pc:spChg>
        <pc:spChg chg="mod">
          <ac:chgData name="Matias Vázquez Piñón" userId="2f86a967-3c9c-4a39-b538-7e6c0574d83d" providerId="ADAL" clId="{214B05F5-CDC9-49A7-9890-C2F0602C8542}" dt="2022-08-23T18:15:19.145" v="5055"/>
          <ac:spMkLst>
            <pc:docMk/>
            <pc:sldMk cId="3451113877" sldId="296"/>
            <ac:spMk id="277" creationId="{8745BFDC-C192-1502-C780-20D4E0192468}"/>
          </ac:spMkLst>
        </pc:spChg>
        <pc:spChg chg="add del mod">
          <ac:chgData name="Matias Vázquez Piñón" userId="2f86a967-3c9c-4a39-b538-7e6c0574d83d" providerId="ADAL" clId="{214B05F5-CDC9-49A7-9890-C2F0602C8542}" dt="2022-08-23T18:17:37.175" v="5078"/>
          <ac:spMkLst>
            <pc:docMk/>
            <pc:sldMk cId="3451113877" sldId="296"/>
            <ac:spMk id="278" creationId="{474152D1-7554-0507-8053-D0EEA5DAB4BF}"/>
          </ac:spMkLst>
        </pc:spChg>
        <pc:grpChg chg="del">
          <ac:chgData name="Matias Vázquez Piñón" userId="2f86a967-3c9c-4a39-b538-7e6c0574d83d" providerId="ADAL" clId="{214B05F5-CDC9-49A7-9890-C2F0602C8542}" dt="2022-08-23T17:44:13.710" v="4878" actId="478"/>
          <ac:grpSpMkLst>
            <pc:docMk/>
            <pc:sldMk cId="3451113877" sldId="296"/>
            <ac:grpSpMk id="28" creationId="{861D5FB5-ABFB-6455-BE36-112EDF190FC5}"/>
          </ac:grpSpMkLst>
        </pc:grpChg>
        <pc:grpChg chg="del">
          <ac:chgData name="Matias Vázquez Piñón" userId="2f86a967-3c9c-4a39-b538-7e6c0574d83d" providerId="ADAL" clId="{214B05F5-CDC9-49A7-9890-C2F0602C8542}" dt="2022-08-23T17:44:11.737" v="4877" actId="478"/>
          <ac:grpSpMkLst>
            <pc:docMk/>
            <pc:sldMk cId="3451113877" sldId="296"/>
            <ac:grpSpMk id="31" creationId="{829E8DFF-03D3-8671-5F53-284A396258F3}"/>
          </ac:grpSpMkLst>
        </pc:grpChg>
        <pc:grpChg chg="add del mod">
          <ac:chgData name="Matias Vázquez Piñón" userId="2f86a967-3c9c-4a39-b538-7e6c0574d83d" providerId="ADAL" clId="{214B05F5-CDC9-49A7-9890-C2F0602C8542}" dt="2022-08-23T18:17:35.633" v="5076" actId="478"/>
          <ac:grpSpMkLst>
            <pc:docMk/>
            <pc:sldMk cId="3451113877" sldId="296"/>
            <ac:grpSpMk id="267" creationId="{DEF363BE-78CE-25B0-8EE0-6E1EF2E85555}"/>
          </ac:grpSpMkLst>
        </pc:grpChg>
        <pc:picChg chg="del">
          <ac:chgData name="Matias Vázquez Piñón" userId="2f86a967-3c9c-4a39-b538-7e6c0574d83d" providerId="ADAL" clId="{214B05F5-CDC9-49A7-9890-C2F0602C8542}" dt="2022-08-23T18:15:18.999" v="5054" actId="478"/>
          <ac:picMkLst>
            <pc:docMk/>
            <pc:sldMk cId="3451113877" sldId="296"/>
            <ac:picMk id="27" creationId="{DB966A21-301A-F029-868C-DD75802CFF4E}"/>
          </ac:picMkLst>
        </pc:picChg>
        <pc:picChg chg="mod">
          <ac:chgData name="Matias Vázquez Piñón" userId="2f86a967-3c9c-4a39-b538-7e6c0574d83d" providerId="ADAL" clId="{214B05F5-CDC9-49A7-9890-C2F0602C8542}" dt="2022-08-23T18:15:19.145" v="5055"/>
          <ac:picMkLst>
            <pc:docMk/>
            <pc:sldMk cId="3451113877" sldId="296"/>
            <ac:picMk id="268" creationId="{82F86D88-5EBD-11DD-AAA8-4C90BF41A6F8}"/>
          </ac:picMkLst>
        </pc:picChg>
        <pc:cxnChg chg="add del mod">
          <ac:chgData name="Matias Vázquez Piñón" userId="2f86a967-3c9c-4a39-b538-7e6c0574d83d" providerId="ADAL" clId="{214B05F5-CDC9-49A7-9890-C2F0602C8542}" dt="2022-08-23T18:15:18.999" v="5054" actId="478"/>
          <ac:cxnSpMkLst>
            <pc:docMk/>
            <pc:sldMk cId="3451113877" sldId="296"/>
            <ac:cxnSpMk id="9" creationId="{9C469FD2-E75D-8AB0-CB01-74BE091E76FA}"/>
          </ac:cxnSpMkLst>
        </pc:cxnChg>
        <pc:cxnChg chg="add del mod">
          <ac:chgData name="Matias Vázquez Piñón" userId="2f86a967-3c9c-4a39-b538-7e6c0574d83d" providerId="ADAL" clId="{214B05F5-CDC9-49A7-9890-C2F0602C8542}" dt="2022-08-23T18:15:18.999" v="5054" actId="478"/>
          <ac:cxnSpMkLst>
            <pc:docMk/>
            <pc:sldMk cId="3451113877" sldId="296"/>
            <ac:cxnSpMk id="11" creationId="{D28CC54C-8C64-BD2A-BC92-694E06D49488}"/>
          </ac:cxnSpMkLst>
        </pc:cxnChg>
        <pc:cxnChg chg="add del mod">
          <ac:chgData name="Matias Vázquez Piñón" userId="2f86a967-3c9c-4a39-b538-7e6c0574d83d" providerId="ADAL" clId="{214B05F5-CDC9-49A7-9890-C2F0602C8542}" dt="2022-08-23T18:15:18.999" v="5054" actId="478"/>
          <ac:cxnSpMkLst>
            <pc:docMk/>
            <pc:sldMk cId="3451113877" sldId="296"/>
            <ac:cxnSpMk id="260" creationId="{864D1AB9-7112-9D77-5D17-204BEDC34E79}"/>
          </ac:cxnSpMkLst>
        </pc:cxnChg>
        <pc:cxnChg chg="mod">
          <ac:chgData name="Matias Vázquez Piñón" userId="2f86a967-3c9c-4a39-b538-7e6c0574d83d" providerId="ADAL" clId="{214B05F5-CDC9-49A7-9890-C2F0602C8542}" dt="2022-08-23T18:15:19.145" v="5055"/>
          <ac:cxnSpMkLst>
            <pc:docMk/>
            <pc:sldMk cId="3451113877" sldId="296"/>
            <ac:cxnSpMk id="271" creationId="{C6738386-9ACB-DDA0-F442-F77D8ECA3F67}"/>
          </ac:cxnSpMkLst>
        </pc:cxnChg>
        <pc:cxnChg chg="mod">
          <ac:chgData name="Matias Vázquez Piñón" userId="2f86a967-3c9c-4a39-b538-7e6c0574d83d" providerId="ADAL" clId="{214B05F5-CDC9-49A7-9890-C2F0602C8542}" dt="2022-08-23T18:15:19.145" v="5055"/>
          <ac:cxnSpMkLst>
            <pc:docMk/>
            <pc:sldMk cId="3451113877" sldId="296"/>
            <ac:cxnSpMk id="272" creationId="{23D76C20-4CB5-583E-43C5-8D6ED0D812F0}"/>
          </ac:cxnSpMkLst>
        </pc:cxnChg>
        <pc:cxnChg chg="mod">
          <ac:chgData name="Matias Vázquez Piñón" userId="2f86a967-3c9c-4a39-b538-7e6c0574d83d" providerId="ADAL" clId="{214B05F5-CDC9-49A7-9890-C2F0602C8542}" dt="2022-08-23T18:15:19.145" v="5055"/>
          <ac:cxnSpMkLst>
            <pc:docMk/>
            <pc:sldMk cId="3451113877" sldId="296"/>
            <ac:cxnSpMk id="275" creationId="{48D46432-371C-0505-B3A5-49568970B4B1}"/>
          </ac:cxnSpMkLst>
        </pc:cxnChg>
      </pc:sldChg>
      <pc:sldChg chg="addSp delSp modSp mod">
        <pc:chgData name="Matias Vázquez Piñón" userId="2f86a967-3c9c-4a39-b538-7e6c0574d83d" providerId="ADAL" clId="{214B05F5-CDC9-49A7-9890-C2F0602C8542}" dt="2022-08-23T21:43:05.709" v="5394" actId="20577"/>
        <pc:sldMkLst>
          <pc:docMk/>
          <pc:sldMk cId="2684454245" sldId="297"/>
        </pc:sldMkLst>
        <pc:spChg chg="add mod">
          <ac:chgData name="Matias Vázquez Piñón" userId="2f86a967-3c9c-4a39-b538-7e6c0574d83d" providerId="ADAL" clId="{214B05F5-CDC9-49A7-9890-C2F0602C8542}" dt="2022-08-23T21:43:03.795" v="5392" actId="1076"/>
          <ac:spMkLst>
            <pc:docMk/>
            <pc:sldMk cId="2684454245" sldId="297"/>
            <ac:spMk id="3" creationId="{2500B4B2-BDA4-D7E1-F05E-1DBCEC4BB16F}"/>
          </ac:spMkLst>
        </pc:spChg>
        <pc:spChg chg="add mod">
          <ac:chgData name="Matias Vázquez Piñón" userId="2f86a967-3c9c-4a39-b538-7e6c0574d83d" providerId="ADAL" clId="{214B05F5-CDC9-49A7-9890-C2F0602C8542}" dt="2022-08-23T21:43:03.795" v="5392" actId="1076"/>
          <ac:spMkLst>
            <pc:docMk/>
            <pc:sldMk cId="2684454245" sldId="297"/>
            <ac:spMk id="4" creationId="{F53301B8-382F-8A26-847D-9C39BED42E2E}"/>
          </ac:spMkLst>
        </pc:spChg>
        <pc:spChg chg="mod">
          <ac:chgData name="Matias Vázquez Piñón" userId="2f86a967-3c9c-4a39-b538-7e6c0574d83d" providerId="ADAL" clId="{214B05F5-CDC9-49A7-9890-C2F0602C8542}" dt="2022-08-23T18:29:40.741" v="5325" actId="20577"/>
          <ac:spMkLst>
            <pc:docMk/>
            <pc:sldMk cId="2684454245" sldId="297"/>
            <ac:spMk id="7" creationId="{22E25C78-7D4D-A985-DD37-65537444D6F1}"/>
          </ac:spMkLst>
        </pc:spChg>
        <pc:spChg chg="add del mod">
          <ac:chgData name="Matias Vázquez Piñón" userId="2f86a967-3c9c-4a39-b538-7e6c0574d83d" providerId="ADAL" clId="{214B05F5-CDC9-49A7-9890-C2F0602C8542}" dt="2022-08-23T18:30:15.534" v="5332" actId="478"/>
          <ac:spMkLst>
            <pc:docMk/>
            <pc:sldMk cId="2684454245" sldId="297"/>
            <ac:spMk id="10" creationId="{89D7D58B-FCF4-7BAE-2E29-7E1721E2913F}"/>
          </ac:spMkLst>
        </pc:spChg>
        <pc:spChg chg="add mod">
          <ac:chgData name="Matias Vázquez Piñón" userId="2f86a967-3c9c-4a39-b538-7e6c0574d83d" providerId="ADAL" clId="{214B05F5-CDC9-49A7-9890-C2F0602C8542}" dt="2022-08-23T21:43:03.795" v="5392" actId="1076"/>
          <ac:spMkLst>
            <pc:docMk/>
            <pc:sldMk cId="2684454245" sldId="297"/>
            <ac:spMk id="11" creationId="{64A8E6DF-18F1-8E19-9630-75469594CB2C}"/>
          </ac:spMkLst>
        </pc:spChg>
        <pc:spChg chg="add del mod">
          <ac:chgData name="Matias Vázquez Piñón" userId="2f86a967-3c9c-4a39-b538-7e6c0574d83d" providerId="ADAL" clId="{214B05F5-CDC9-49A7-9890-C2F0602C8542}" dt="2022-08-23T18:30:18.516" v="5333" actId="478"/>
          <ac:spMkLst>
            <pc:docMk/>
            <pc:sldMk cId="2684454245" sldId="297"/>
            <ac:spMk id="13" creationId="{015BDF33-9530-8261-9B89-C71527DEED24}"/>
          </ac:spMkLst>
        </pc:spChg>
        <pc:spChg chg="add mod">
          <ac:chgData name="Matias Vázquez Piñón" userId="2f86a967-3c9c-4a39-b538-7e6c0574d83d" providerId="ADAL" clId="{214B05F5-CDC9-49A7-9890-C2F0602C8542}" dt="2022-08-23T21:43:03.795" v="5392" actId="1076"/>
          <ac:spMkLst>
            <pc:docMk/>
            <pc:sldMk cId="2684454245" sldId="297"/>
            <ac:spMk id="14" creationId="{1AE769BF-4751-1E41-B15E-38F448EC4DE2}"/>
          </ac:spMkLst>
        </pc:spChg>
        <pc:spChg chg="add del">
          <ac:chgData name="Matias Vázquez Piñón" userId="2f86a967-3c9c-4a39-b538-7e6c0574d83d" providerId="ADAL" clId="{214B05F5-CDC9-49A7-9890-C2F0602C8542}" dt="2022-08-23T18:14:02.186" v="5043" actId="11529"/>
          <ac:spMkLst>
            <pc:docMk/>
            <pc:sldMk cId="2684454245" sldId="297"/>
            <ac:spMk id="17" creationId="{27715A2F-A62B-9879-2172-3A1A0F78B7F8}"/>
          </ac:spMkLst>
        </pc:spChg>
        <pc:spChg chg="add del">
          <ac:chgData name="Matias Vázquez Piñón" userId="2f86a967-3c9c-4a39-b538-7e6c0574d83d" providerId="ADAL" clId="{214B05F5-CDC9-49A7-9890-C2F0602C8542}" dt="2022-08-23T18:14:11.868" v="5045" actId="478"/>
          <ac:spMkLst>
            <pc:docMk/>
            <pc:sldMk cId="2684454245" sldId="297"/>
            <ac:spMk id="18" creationId="{D9217D85-E5B3-F0DE-C6FF-71CFCD7FB80A}"/>
          </ac:spMkLst>
        </pc:spChg>
        <pc:spChg chg="add del">
          <ac:chgData name="Matias Vázquez Piñón" userId="2f86a967-3c9c-4a39-b538-7e6c0574d83d" providerId="ADAL" clId="{214B05F5-CDC9-49A7-9890-C2F0602C8542}" dt="2022-08-23T18:14:28.125" v="5047" actId="478"/>
          <ac:spMkLst>
            <pc:docMk/>
            <pc:sldMk cId="2684454245" sldId="297"/>
            <ac:spMk id="19" creationId="{7D837915-B253-B85C-1DD1-E86D91ECF8DA}"/>
          </ac:spMkLst>
        </pc:spChg>
        <pc:spChg chg="add del mod">
          <ac:chgData name="Matias Vázquez Piñón" userId="2f86a967-3c9c-4a39-b538-7e6c0574d83d" providerId="ADAL" clId="{214B05F5-CDC9-49A7-9890-C2F0602C8542}" dt="2022-08-23T18:14:47.586" v="5051" actId="478"/>
          <ac:spMkLst>
            <pc:docMk/>
            <pc:sldMk cId="2684454245" sldId="297"/>
            <ac:spMk id="20" creationId="{63FFDB03-17ED-AEA3-48C7-B838526FC56B}"/>
          </ac:spMkLst>
        </pc:spChg>
        <pc:spChg chg="add mod">
          <ac:chgData name="Matias Vázquez Piñón" userId="2f86a967-3c9c-4a39-b538-7e6c0574d83d" providerId="ADAL" clId="{214B05F5-CDC9-49A7-9890-C2F0602C8542}" dt="2022-08-23T21:43:05.709" v="5394" actId="20577"/>
          <ac:spMkLst>
            <pc:docMk/>
            <pc:sldMk cId="2684454245" sldId="297"/>
            <ac:spMk id="22" creationId="{D10EC544-9519-9436-2BAF-A0F61620C56E}"/>
          </ac:spMkLst>
        </pc:spChg>
        <pc:spChg chg="add mod">
          <ac:chgData name="Matias Vázquez Piñón" userId="2f86a967-3c9c-4a39-b538-7e6c0574d83d" providerId="ADAL" clId="{214B05F5-CDC9-49A7-9890-C2F0602C8542}" dt="2022-08-23T21:43:00.848" v="5390" actId="20577"/>
          <ac:spMkLst>
            <pc:docMk/>
            <pc:sldMk cId="2684454245" sldId="297"/>
            <ac:spMk id="23" creationId="{6E948C44-70E7-556C-E36B-92FCE691AD8D}"/>
          </ac:spMkLst>
        </pc:spChg>
        <pc:spChg chg="add del mod">
          <ac:chgData name="Matias Vázquez Piñón" userId="2f86a967-3c9c-4a39-b538-7e6c0574d83d" providerId="ADAL" clId="{214B05F5-CDC9-49A7-9890-C2F0602C8542}" dt="2022-08-23T18:19:33.629" v="5107" actId="478"/>
          <ac:spMkLst>
            <pc:docMk/>
            <pc:sldMk cId="2684454245" sldId="297"/>
            <ac:spMk id="25" creationId="{F5713E44-47AF-2B1E-58ED-0BBEB76478F2}"/>
          </ac:spMkLst>
        </pc:spChg>
        <pc:spChg chg="del">
          <ac:chgData name="Matias Vázquez Piñón" userId="2f86a967-3c9c-4a39-b538-7e6c0574d83d" providerId="ADAL" clId="{214B05F5-CDC9-49A7-9890-C2F0602C8542}" dt="2022-08-23T18:12:55.534" v="5033" actId="478"/>
          <ac:spMkLst>
            <pc:docMk/>
            <pc:sldMk cId="2684454245" sldId="297"/>
            <ac:spMk id="34" creationId="{BAEC474E-ADBA-F582-3F66-9DEF53389C66}"/>
          </ac:spMkLst>
        </pc:spChg>
        <pc:spChg chg="add mod">
          <ac:chgData name="Matias Vázquez Piñón" userId="2f86a967-3c9c-4a39-b538-7e6c0574d83d" providerId="ADAL" clId="{214B05F5-CDC9-49A7-9890-C2F0602C8542}" dt="2022-08-23T18:31:05.287" v="5353" actId="20577"/>
          <ac:spMkLst>
            <pc:docMk/>
            <pc:sldMk cId="2684454245" sldId="297"/>
            <ac:spMk id="35" creationId="{E5019D5C-3C44-8009-4349-D51001EC2126}"/>
          </ac:spMkLst>
        </pc:spChg>
        <pc:spChg chg="add mod">
          <ac:chgData name="Matias Vázquez Piñón" userId="2f86a967-3c9c-4a39-b538-7e6c0574d83d" providerId="ADAL" clId="{214B05F5-CDC9-49A7-9890-C2F0602C8542}" dt="2022-08-23T18:30:33.701" v="5339" actId="20577"/>
          <ac:spMkLst>
            <pc:docMk/>
            <pc:sldMk cId="2684454245" sldId="297"/>
            <ac:spMk id="38" creationId="{FF7A508D-4D2B-9251-DB3D-FAE563D6F6E2}"/>
          </ac:spMkLst>
        </pc:spChg>
        <pc:spChg chg="add mod">
          <ac:chgData name="Matias Vázquez Piñón" userId="2f86a967-3c9c-4a39-b538-7e6c0574d83d" providerId="ADAL" clId="{214B05F5-CDC9-49A7-9890-C2F0602C8542}" dt="2022-08-23T18:30:45.490" v="5342" actId="17032"/>
          <ac:spMkLst>
            <pc:docMk/>
            <pc:sldMk cId="2684454245" sldId="297"/>
            <ac:spMk id="39" creationId="{71A8D035-9496-9AE9-C59A-CB80CB9E3183}"/>
          </ac:spMkLst>
        </pc:spChg>
        <pc:grpChg chg="add mod">
          <ac:chgData name="Matias Vázquez Piñón" userId="2f86a967-3c9c-4a39-b538-7e6c0574d83d" providerId="ADAL" clId="{214B05F5-CDC9-49A7-9890-C2F0602C8542}" dt="2022-08-23T21:43:03.795" v="5392" actId="1076"/>
          <ac:grpSpMkLst>
            <pc:docMk/>
            <pc:sldMk cId="2684454245" sldId="297"/>
            <ac:grpSpMk id="21" creationId="{A4A5290F-D7A8-AD61-5535-7F1A93D98593}"/>
          </ac:grpSpMkLst>
        </pc:grpChg>
        <pc:grpChg chg="del">
          <ac:chgData name="Matias Vázquez Piñón" userId="2f86a967-3c9c-4a39-b538-7e6c0574d83d" providerId="ADAL" clId="{214B05F5-CDC9-49A7-9890-C2F0602C8542}" dt="2022-08-23T18:12:55.534" v="5033" actId="478"/>
          <ac:grpSpMkLst>
            <pc:docMk/>
            <pc:sldMk cId="2684454245" sldId="297"/>
            <ac:grpSpMk id="28" creationId="{861D5FB5-ABFB-6455-BE36-112EDF190FC5}"/>
          </ac:grpSpMkLst>
        </pc:grpChg>
        <pc:grpChg chg="del">
          <ac:chgData name="Matias Vázquez Piñón" userId="2f86a967-3c9c-4a39-b538-7e6c0574d83d" providerId="ADAL" clId="{214B05F5-CDC9-49A7-9890-C2F0602C8542}" dt="2022-08-23T18:12:55.534" v="5033" actId="478"/>
          <ac:grpSpMkLst>
            <pc:docMk/>
            <pc:sldMk cId="2684454245" sldId="297"/>
            <ac:grpSpMk id="31" creationId="{829E8DFF-03D3-8671-5F53-284A396258F3}"/>
          </ac:grpSpMkLst>
        </pc:grpChg>
        <pc:picChg chg="add mod">
          <ac:chgData name="Matias Vázquez Piñón" userId="2f86a967-3c9c-4a39-b538-7e6c0574d83d" providerId="ADAL" clId="{214B05F5-CDC9-49A7-9890-C2F0602C8542}" dt="2022-08-23T21:43:03.795" v="5392" actId="1076"/>
          <ac:picMkLst>
            <pc:docMk/>
            <pc:sldMk cId="2684454245" sldId="297"/>
            <ac:picMk id="2" creationId="{C40AC002-E894-5BC0-D0D9-B125DBC3CAE5}"/>
          </ac:picMkLst>
        </pc:picChg>
        <pc:picChg chg="del">
          <ac:chgData name="Matias Vázquez Piñón" userId="2f86a967-3c9c-4a39-b538-7e6c0574d83d" providerId="ADAL" clId="{214B05F5-CDC9-49A7-9890-C2F0602C8542}" dt="2022-08-23T18:12:55.534" v="5033" actId="478"/>
          <ac:picMkLst>
            <pc:docMk/>
            <pc:sldMk cId="2684454245" sldId="297"/>
            <ac:picMk id="27" creationId="{DB966A21-301A-F029-868C-DD75802CFF4E}"/>
          </ac:picMkLst>
        </pc:picChg>
        <pc:picChg chg="add del mod">
          <ac:chgData name="Matias Vázquez Piñón" userId="2f86a967-3c9c-4a39-b538-7e6c0574d83d" providerId="ADAL" clId="{214B05F5-CDC9-49A7-9890-C2F0602C8542}" dt="2022-08-23T18:27:00.248" v="5269" actId="478"/>
          <ac:picMkLst>
            <pc:docMk/>
            <pc:sldMk cId="2684454245" sldId="297"/>
            <ac:picMk id="37" creationId="{7E79B9E6-B2B5-7C0B-502A-6BB1CE357384}"/>
          </ac:picMkLst>
        </pc:picChg>
        <pc:cxnChg chg="add mod">
          <ac:chgData name="Matias Vázquez Piñón" userId="2f86a967-3c9c-4a39-b538-7e6c0574d83d" providerId="ADAL" clId="{214B05F5-CDC9-49A7-9890-C2F0602C8542}" dt="2022-08-23T21:43:03.795" v="5392" actId="1076"/>
          <ac:cxnSpMkLst>
            <pc:docMk/>
            <pc:sldMk cId="2684454245" sldId="297"/>
            <ac:cxnSpMk id="8" creationId="{75B7AD42-3B7A-319C-B340-0A8DDEFC0AE4}"/>
          </ac:cxnSpMkLst>
        </pc:cxnChg>
        <pc:cxnChg chg="add mod">
          <ac:chgData name="Matias Vázquez Piñón" userId="2f86a967-3c9c-4a39-b538-7e6c0574d83d" providerId="ADAL" clId="{214B05F5-CDC9-49A7-9890-C2F0602C8542}" dt="2022-08-23T21:43:03.795" v="5392" actId="1076"/>
          <ac:cxnSpMkLst>
            <pc:docMk/>
            <pc:sldMk cId="2684454245" sldId="297"/>
            <ac:cxnSpMk id="9" creationId="{9E8424AD-A982-B624-49BF-B2590EDD6D9D}"/>
          </ac:cxnSpMkLst>
        </pc:cxnChg>
        <pc:cxnChg chg="add mod">
          <ac:chgData name="Matias Vázquez Piñón" userId="2f86a967-3c9c-4a39-b538-7e6c0574d83d" providerId="ADAL" clId="{214B05F5-CDC9-49A7-9890-C2F0602C8542}" dt="2022-08-23T21:43:03.795" v="5392" actId="1076"/>
          <ac:cxnSpMkLst>
            <pc:docMk/>
            <pc:sldMk cId="2684454245" sldId="297"/>
            <ac:cxnSpMk id="12" creationId="{15DA2A62-1A60-A4F0-1273-C53C1E603DDB}"/>
          </ac:cxnSpMkLst>
        </pc:cxnChg>
      </pc:sldChg>
      <pc:sldChg chg="addSp delSp modSp mod">
        <pc:chgData name="Matias Vázquez Piñón" userId="2f86a967-3c9c-4a39-b538-7e6c0574d83d" providerId="ADAL" clId="{214B05F5-CDC9-49A7-9890-C2F0602C8542}" dt="2022-08-23T18:34:16.547" v="5376" actId="207"/>
        <pc:sldMkLst>
          <pc:docMk/>
          <pc:sldMk cId="1509932029" sldId="298"/>
        </pc:sldMkLst>
        <pc:spChg chg="mod">
          <ac:chgData name="Matias Vázquez Piñón" userId="2f86a967-3c9c-4a39-b538-7e6c0574d83d" providerId="ADAL" clId="{214B05F5-CDC9-49A7-9890-C2F0602C8542}" dt="2022-08-23T18:34:16.547" v="5376" actId="207"/>
          <ac:spMkLst>
            <pc:docMk/>
            <pc:sldMk cId="1509932029" sldId="298"/>
            <ac:spMk id="4" creationId="{5E976D3D-84C2-A052-441A-7AA8EEA16F93}"/>
          </ac:spMkLst>
        </pc:spChg>
        <pc:spChg chg="add del mod">
          <ac:chgData name="Matias Vázquez Piñón" userId="2f86a967-3c9c-4a39-b538-7e6c0574d83d" providerId="ADAL" clId="{214B05F5-CDC9-49A7-9890-C2F0602C8542}" dt="2022-08-23T18:32:55.715" v="5357" actId="767"/>
          <ac:spMkLst>
            <pc:docMk/>
            <pc:sldMk cId="1509932029" sldId="298"/>
            <ac:spMk id="5" creationId="{068C3C13-E98E-EF38-C728-69FE10CDEBD1}"/>
          </ac:spMkLst>
        </pc:spChg>
      </pc:sldChg>
      <pc:sldChg chg="modSp mod">
        <pc:chgData name="Matias Vázquez Piñón" userId="2f86a967-3c9c-4a39-b538-7e6c0574d83d" providerId="ADAL" clId="{214B05F5-CDC9-49A7-9890-C2F0602C8542}" dt="2022-08-23T18:36:08.874" v="5388" actId="12269"/>
        <pc:sldMkLst>
          <pc:docMk/>
          <pc:sldMk cId="2756905196" sldId="299"/>
        </pc:sldMkLst>
        <pc:graphicFrameChg chg="mod">
          <ac:chgData name="Matias Vázquez Piñón" userId="2f86a967-3c9c-4a39-b538-7e6c0574d83d" providerId="ADAL" clId="{214B05F5-CDC9-49A7-9890-C2F0602C8542}" dt="2022-08-23T18:36:08.874" v="5388" actId="12269"/>
          <ac:graphicFrameMkLst>
            <pc:docMk/>
            <pc:sldMk cId="2756905196" sldId="299"/>
            <ac:graphicFrameMk id="11" creationId="{8FEFF800-6F9A-0555-AA31-B91718800635}"/>
          </ac:graphicFrameMkLst>
        </pc:graphicFrameChg>
        <pc:graphicFrameChg chg="mod">
          <ac:chgData name="Matias Vázquez Piñón" userId="2f86a967-3c9c-4a39-b538-7e6c0574d83d" providerId="ADAL" clId="{214B05F5-CDC9-49A7-9890-C2F0602C8542}" dt="2022-08-23T18:34:51.275" v="5386" actId="1036"/>
          <ac:graphicFrameMkLst>
            <pc:docMk/>
            <pc:sldMk cId="2756905196" sldId="299"/>
            <ac:graphicFrameMk id="12" creationId="{096B2C6C-19A7-A943-7B5B-57C0D7C288BE}"/>
          </ac:graphicFrameMkLst>
        </pc:graphicFrameChg>
      </pc:sldChg>
    </pc:docChg>
  </pc:docChgLst>
  <pc:docChgLst>
    <pc:chgData name="Matias Vázquez Piñón" userId="2f86a967-3c9c-4a39-b538-7e6c0574d83d" providerId="ADAL" clId="{B66F9EAA-205E-4280-88AD-8E45210EEBDB}"/>
    <pc:docChg chg="undo custSel addSld delSld modSld sldOrd">
      <pc:chgData name="Matias Vázquez Piñón" userId="2f86a967-3c9c-4a39-b538-7e6c0574d83d" providerId="ADAL" clId="{B66F9EAA-205E-4280-88AD-8E45210EEBDB}" dt="2022-08-27T16:16:43.772" v="3984" actId="20577"/>
      <pc:docMkLst>
        <pc:docMk/>
      </pc:docMkLst>
      <pc:sldChg chg="addSp delSp modSp del mod delAnim modAnim">
        <pc:chgData name="Matias Vázquez Piñón" userId="2f86a967-3c9c-4a39-b538-7e6c0574d83d" providerId="ADAL" clId="{B66F9EAA-205E-4280-88AD-8E45210EEBDB}" dt="2022-08-27T13:28:49.427" v="560" actId="47"/>
        <pc:sldMkLst>
          <pc:docMk/>
          <pc:sldMk cId="1796381250" sldId="257"/>
        </pc:sldMkLst>
        <pc:spChg chg="mod">
          <ac:chgData name="Matias Vázquez Piñón" userId="2f86a967-3c9c-4a39-b538-7e6c0574d83d" providerId="ADAL" clId="{B66F9EAA-205E-4280-88AD-8E45210EEBDB}" dt="2022-08-27T13:26:49.866" v="558" actId="1076"/>
          <ac:spMkLst>
            <pc:docMk/>
            <pc:sldMk cId="1796381250" sldId="257"/>
            <ac:spMk id="3" creationId="{9ABD2501-5E2C-84F8-5978-93D1F7F43359}"/>
          </ac:spMkLst>
        </pc:spChg>
        <pc:spChg chg="add del mod">
          <ac:chgData name="Matias Vázquez Piñón" userId="2f86a967-3c9c-4a39-b538-7e6c0574d83d" providerId="ADAL" clId="{B66F9EAA-205E-4280-88AD-8E45210EEBDB}" dt="2022-08-27T13:25:13.680" v="545" actId="931"/>
          <ac:spMkLst>
            <pc:docMk/>
            <pc:sldMk cId="1796381250" sldId="257"/>
            <ac:spMk id="5" creationId="{9D4A85CE-5B34-29CC-8C15-7A95D9E55B3A}"/>
          </ac:spMkLst>
        </pc:spChg>
        <pc:spChg chg="del">
          <ac:chgData name="Matias Vázquez Piñón" userId="2f86a967-3c9c-4a39-b538-7e6c0574d83d" providerId="ADAL" clId="{B66F9EAA-205E-4280-88AD-8E45210EEBDB}" dt="2022-08-25T21:10:49.660" v="27" actId="478"/>
          <ac:spMkLst>
            <pc:docMk/>
            <pc:sldMk cId="1796381250" sldId="257"/>
            <ac:spMk id="7" creationId="{4B35C13A-B74F-208C-1037-FAEFA9222DBD}"/>
          </ac:spMkLst>
        </pc:spChg>
        <pc:spChg chg="add mod">
          <ac:chgData name="Matias Vázquez Piñón" userId="2f86a967-3c9c-4a39-b538-7e6c0574d83d" providerId="ADAL" clId="{B66F9EAA-205E-4280-88AD-8E45210EEBDB}" dt="2022-08-27T13:26:30.918" v="557" actId="478"/>
          <ac:spMkLst>
            <pc:docMk/>
            <pc:sldMk cId="1796381250" sldId="257"/>
            <ac:spMk id="12" creationId="{9DE5E27E-E0D0-11E6-298D-884518F71F45}"/>
          </ac:spMkLst>
        </pc:spChg>
        <pc:picChg chg="add del mod">
          <ac:chgData name="Matias Vázquez Piñón" userId="2f86a967-3c9c-4a39-b538-7e6c0574d83d" providerId="ADAL" clId="{B66F9EAA-205E-4280-88AD-8E45210EEBDB}" dt="2022-08-27T13:25:16.989" v="547" actId="478"/>
          <ac:picMkLst>
            <pc:docMk/>
            <pc:sldMk cId="1796381250" sldId="257"/>
            <ac:picMk id="7" creationId="{9B992A5F-2B3A-BC0D-7793-D60EFC774822}"/>
          </ac:picMkLst>
        </pc:picChg>
        <pc:picChg chg="add del mod">
          <ac:chgData name="Matias Vázquez Piñón" userId="2f86a967-3c9c-4a39-b538-7e6c0574d83d" providerId="ADAL" clId="{B66F9EAA-205E-4280-88AD-8E45210EEBDB}" dt="2022-08-27T13:25:16.025" v="546" actId="478"/>
          <ac:picMkLst>
            <pc:docMk/>
            <pc:sldMk cId="1796381250" sldId="257"/>
            <ac:picMk id="9" creationId="{B400B33E-A449-55A9-6A9B-BD0940FD91AD}"/>
          </ac:picMkLst>
        </pc:picChg>
        <pc:picChg chg="add del mod">
          <ac:chgData name="Matias Vázquez Piñón" userId="2f86a967-3c9c-4a39-b538-7e6c0574d83d" providerId="ADAL" clId="{B66F9EAA-205E-4280-88AD-8E45210EEBDB}" dt="2022-08-27T13:26:30.918" v="557" actId="478"/>
          <ac:picMkLst>
            <pc:docMk/>
            <pc:sldMk cId="1796381250" sldId="257"/>
            <ac:picMk id="11" creationId="{0CACC337-112D-64C2-E255-576E0DE0FF76}"/>
          </ac:picMkLst>
        </pc:picChg>
      </pc:sldChg>
      <pc:sldChg chg="modSp mod">
        <pc:chgData name="Matias Vázquez Piñón" userId="2f86a967-3c9c-4a39-b538-7e6c0574d83d" providerId="ADAL" clId="{B66F9EAA-205E-4280-88AD-8E45210EEBDB}" dt="2022-08-25T21:10:10.521" v="23" actId="6549"/>
        <pc:sldMkLst>
          <pc:docMk/>
          <pc:sldMk cId="2320714135" sldId="260"/>
        </pc:sldMkLst>
        <pc:spChg chg="mod">
          <ac:chgData name="Matias Vázquez Piñón" userId="2f86a967-3c9c-4a39-b538-7e6c0574d83d" providerId="ADAL" clId="{B66F9EAA-205E-4280-88AD-8E45210EEBDB}" dt="2022-08-25T21:10:10.521" v="23" actId="6549"/>
          <ac:spMkLst>
            <pc:docMk/>
            <pc:sldMk cId="2320714135" sldId="260"/>
            <ac:spMk id="4" creationId="{674358EA-4D5B-461F-997D-DE6729900DE7}"/>
          </ac:spMkLst>
        </pc:spChg>
      </pc:sldChg>
      <pc:sldChg chg="del">
        <pc:chgData name="Matias Vázquez Piñón" userId="2f86a967-3c9c-4a39-b538-7e6c0574d83d" providerId="ADAL" clId="{B66F9EAA-205E-4280-88AD-8E45210EEBDB}" dt="2022-08-25T21:11:12.572" v="44" actId="47"/>
        <pc:sldMkLst>
          <pc:docMk/>
          <pc:sldMk cId="622507875" sldId="263"/>
        </pc:sldMkLst>
      </pc:sldChg>
      <pc:sldChg chg="del">
        <pc:chgData name="Matias Vázquez Piñón" userId="2f86a967-3c9c-4a39-b538-7e6c0574d83d" providerId="ADAL" clId="{B66F9EAA-205E-4280-88AD-8E45210EEBDB}" dt="2022-08-25T21:11:12.572" v="44" actId="47"/>
        <pc:sldMkLst>
          <pc:docMk/>
          <pc:sldMk cId="1944785628" sldId="266"/>
        </pc:sldMkLst>
      </pc:sldChg>
      <pc:sldChg chg="del">
        <pc:chgData name="Matias Vázquez Piñón" userId="2f86a967-3c9c-4a39-b538-7e6c0574d83d" providerId="ADAL" clId="{B66F9EAA-205E-4280-88AD-8E45210EEBDB}" dt="2022-08-25T21:11:12.572" v="44" actId="47"/>
        <pc:sldMkLst>
          <pc:docMk/>
          <pc:sldMk cId="3675564955" sldId="267"/>
        </pc:sldMkLst>
      </pc:sldChg>
      <pc:sldChg chg="modSp mod">
        <pc:chgData name="Matias Vázquez Piñón" userId="2f86a967-3c9c-4a39-b538-7e6c0574d83d" providerId="ADAL" clId="{B66F9EAA-205E-4280-88AD-8E45210EEBDB}" dt="2022-08-25T21:11:03.947" v="43" actId="20577"/>
        <pc:sldMkLst>
          <pc:docMk/>
          <pc:sldMk cId="2429412400" sldId="276"/>
        </pc:sldMkLst>
        <pc:spChg chg="mod">
          <ac:chgData name="Matias Vázquez Piñón" userId="2f86a967-3c9c-4a39-b538-7e6c0574d83d" providerId="ADAL" clId="{B66F9EAA-205E-4280-88AD-8E45210EEBDB}" dt="2022-08-25T21:11:03.947" v="43" actId="20577"/>
          <ac:spMkLst>
            <pc:docMk/>
            <pc:sldMk cId="2429412400" sldId="276"/>
            <ac:spMk id="2" creationId="{5FB5D724-7A69-F201-D7A3-2751D2E6CEC0}"/>
          </ac:spMkLst>
        </pc:spChg>
      </pc:sldChg>
      <pc:sldChg chg="del">
        <pc:chgData name="Matias Vázquez Piñón" userId="2f86a967-3c9c-4a39-b538-7e6c0574d83d" providerId="ADAL" clId="{B66F9EAA-205E-4280-88AD-8E45210EEBDB}" dt="2022-08-25T21:11:12.572" v="44" actId="47"/>
        <pc:sldMkLst>
          <pc:docMk/>
          <pc:sldMk cId="3779636042" sldId="277"/>
        </pc:sldMkLst>
      </pc:sldChg>
      <pc:sldChg chg="modSp add mod chgLayout">
        <pc:chgData name="Matias Vázquez Piñón" userId="2f86a967-3c9c-4a39-b538-7e6c0574d83d" providerId="ADAL" clId="{B66F9EAA-205E-4280-88AD-8E45210EEBDB}" dt="2022-08-27T15:05:15.560" v="1602" actId="700"/>
        <pc:sldMkLst>
          <pc:docMk/>
          <pc:sldMk cId="3991215200" sldId="277"/>
        </pc:sldMkLst>
        <pc:spChg chg="mod ord">
          <ac:chgData name="Matias Vázquez Piñón" userId="2f86a967-3c9c-4a39-b538-7e6c0574d83d" providerId="ADAL" clId="{B66F9EAA-205E-4280-88AD-8E45210EEBDB}" dt="2022-08-27T15:05:15.560" v="1602" actId="700"/>
          <ac:spMkLst>
            <pc:docMk/>
            <pc:sldMk cId="3991215200" sldId="277"/>
            <ac:spMk id="2" creationId="{5FB5D724-7A69-F201-D7A3-2751D2E6CEC0}"/>
          </ac:spMkLst>
        </pc:spChg>
        <pc:spChg chg="mod ord">
          <ac:chgData name="Matias Vázquez Piñón" userId="2f86a967-3c9c-4a39-b538-7e6c0574d83d" providerId="ADAL" clId="{B66F9EAA-205E-4280-88AD-8E45210EEBDB}" dt="2022-08-27T15:05:15.560" v="1602" actId="700"/>
          <ac:spMkLst>
            <pc:docMk/>
            <pc:sldMk cId="3991215200" sldId="277"/>
            <ac:spMk id="3" creationId="{842DB822-089B-CD2E-DD66-1D551B373CE8}"/>
          </ac:spMkLst>
        </pc:spChg>
        <pc:spChg chg="mod ord">
          <ac:chgData name="Matias Vázquez Piñón" userId="2f86a967-3c9c-4a39-b538-7e6c0574d83d" providerId="ADAL" clId="{B66F9EAA-205E-4280-88AD-8E45210EEBDB}" dt="2022-08-27T15:05:15.560" v="1602" actId="700"/>
          <ac:spMkLst>
            <pc:docMk/>
            <pc:sldMk cId="3991215200" sldId="277"/>
            <ac:spMk id="4" creationId="{017D03C7-F44A-0486-F42D-CA1C5D425594}"/>
          </ac:spMkLst>
        </pc:spChg>
      </pc:sldChg>
      <pc:sldChg chg="modSp add mod ord">
        <pc:chgData name="Matias Vázquez Piñón" userId="2f86a967-3c9c-4a39-b538-7e6c0574d83d" providerId="ADAL" clId="{B66F9EAA-205E-4280-88AD-8E45210EEBDB}" dt="2022-08-25T21:11:40.694" v="119" actId="20577"/>
        <pc:sldMkLst>
          <pc:docMk/>
          <pc:sldMk cId="486340614" sldId="278"/>
        </pc:sldMkLst>
        <pc:spChg chg="mod">
          <ac:chgData name="Matias Vázquez Piñón" userId="2f86a967-3c9c-4a39-b538-7e6c0574d83d" providerId="ADAL" clId="{B66F9EAA-205E-4280-88AD-8E45210EEBDB}" dt="2022-08-25T21:11:40.694" v="119" actId="20577"/>
          <ac:spMkLst>
            <pc:docMk/>
            <pc:sldMk cId="486340614" sldId="278"/>
            <ac:spMk id="2" creationId="{5FB5D724-7A69-F201-D7A3-2751D2E6CEC0}"/>
          </ac:spMkLst>
        </pc:spChg>
      </pc:sldChg>
      <pc:sldChg chg="del">
        <pc:chgData name="Matias Vázquez Piñón" userId="2f86a967-3c9c-4a39-b538-7e6c0574d83d" providerId="ADAL" clId="{B66F9EAA-205E-4280-88AD-8E45210EEBDB}" dt="2022-08-25T21:11:12.572" v="44" actId="47"/>
        <pc:sldMkLst>
          <pc:docMk/>
          <pc:sldMk cId="3286921969" sldId="278"/>
        </pc:sldMkLst>
      </pc:sldChg>
      <pc:sldChg chg="addSp delSp modSp new mod modClrScheme chgLayout">
        <pc:chgData name="Matias Vázquez Piñón" userId="2f86a967-3c9c-4a39-b538-7e6c0574d83d" providerId="ADAL" clId="{B66F9EAA-205E-4280-88AD-8E45210EEBDB}" dt="2022-08-27T16:16:43.772" v="3984" actId="20577"/>
        <pc:sldMkLst>
          <pc:docMk/>
          <pc:sldMk cId="2070219909" sldId="279"/>
        </pc:sldMkLst>
        <pc:spChg chg="mod ord">
          <ac:chgData name="Matias Vázquez Piñón" userId="2f86a967-3c9c-4a39-b538-7e6c0574d83d" providerId="ADAL" clId="{B66F9EAA-205E-4280-88AD-8E45210EEBDB}" dt="2022-08-27T16:12:02.235" v="3808" actId="700"/>
          <ac:spMkLst>
            <pc:docMk/>
            <pc:sldMk cId="2070219909" sldId="279"/>
            <ac:spMk id="2" creationId="{E0FE4443-23D5-AD87-9C13-B69D3C19A67C}"/>
          </ac:spMkLst>
        </pc:spChg>
        <pc:spChg chg="mod ord">
          <ac:chgData name="Matias Vázquez Piñón" userId="2f86a967-3c9c-4a39-b538-7e6c0574d83d" providerId="ADAL" clId="{B66F9EAA-205E-4280-88AD-8E45210EEBDB}" dt="2022-08-27T16:12:02.258" v="3809" actId="27636"/>
          <ac:spMkLst>
            <pc:docMk/>
            <pc:sldMk cId="2070219909" sldId="279"/>
            <ac:spMk id="3" creationId="{7AE75F08-ED4F-28BA-1C57-F13CF78D6209}"/>
          </ac:spMkLst>
        </pc:spChg>
        <pc:spChg chg="mod ord">
          <ac:chgData name="Matias Vázquez Piñón" userId="2f86a967-3c9c-4a39-b538-7e6c0574d83d" providerId="ADAL" clId="{B66F9EAA-205E-4280-88AD-8E45210EEBDB}" dt="2022-08-27T16:12:02.235" v="3808" actId="700"/>
          <ac:spMkLst>
            <pc:docMk/>
            <pc:sldMk cId="2070219909" sldId="279"/>
            <ac:spMk id="4" creationId="{6F436015-7CF8-711B-791B-64DF4CF39457}"/>
          </ac:spMkLst>
        </pc:spChg>
        <pc:spChg chg="add del mod ord">
          <ac:chgData name="Matias Vázquez Piñón" userId="2f86a967-3c9c-4a39-b538-7e6c0574d83d" providerId="ADAL" clId="{B66F9EAA-205E-4280-88AD-8E45210EEBDB}" dt="2022-08-27T16:12:03.869" v="3810"/>
          <ac:spMkLst>
            <pc:docMk/>
            <pc:sldMk cId="2070219909" sldId="279"/>
            <ac:spMk id="6" creationId="{BDA610B6-A3B9-6F42-A171-5BF6301D3A4F}"/>
          </ac:spMkLst>
        </pc:spChg>
        <pc:graphicFrameChg chg="add del mod modGraphic">
          <ac:chgData name="Matias Vázquez Piñón" userId="2f86a967-3c9c-4a39-b538-7e6c0574d83d" providerId="ADAL" clId="{B66F9EAA-205E-4280-88AD-8E45210EEBDB}" dt="2022-08-27T16:11:57.899" v="3807" actId="21"/>
          <ac:graphicFrameMkLst>
            <pc:docMk/>
            <pc:sldMk cId="2070219909" sldId="279"/>
            <ac:graphicFrameMk id="5" creationId="{F959F8D6-5F77-BCF1-B484-CC57D847B0A6}"/>
          </ac:graphicFrameMkLst>
        </pc:graphicFrameChg>
        <pc:graphicFrameChg chg="add mod modGraphic">
          <ac:chgData name="Matias Vázquez Piñón" userId="2f86a967-3c9c-4a39-b538-7e6c0574d83d" providerId="ADAL" clId="{B66F9EAA-205E-4280-88AD-8E45210EEBDB}" dt="2022-08-27T16:16:43.772" v="3984" actId="20577"/>
          <ac:graphicFrameMkLst>
            <pc:docMk/>
            <pc:sldMk cId="2070219909" sldId="279"/>
            <ac:graphicFrameMk id="7" creationId="{1015FA2C-4077-FB75-B234-3F9C7CF24E70}"/>
          </ac:graphicFrameMkLst>
        </pc:graphicFrameChg>
      </pc:sldChg>
      <pc:sldChg chg="modSp new del mod">
        <pc:chgData name="Matias Vázquez Piñón" userId="2f86a967-3c9c-4a39-b538-7e6c0574d83d" providerId="ADAL" clId="{B66F9EAA-205E-4280-88AD-8E45210EEBDB}" dt="2022-08-27T13:26:58.663" v="559" actId="47"/>
        <pc:sldMkLst>
          <pc:docMk/>
          <pc:sldMk cId="757322873" sldId="280"/>
        </pc:sldMkLst>
        <pc:spChg chg="mod">
          <ac:chgData name="Matias Vázquez Piñón" userId="2f86a967-3c9c-4a39-b538-7e6c0574d83d" providerId="ADAL" clId="{B66F9EAA-205E-4280-88AD-8E45210EEBDB}" dt="2022-08-25T21:16:40.587" v="269" actId="20577"/>
          <ac:spMkLst>
            <pc:docMk/>
            <pc:sldMk cId="757322873" sldId="280"/>
            <ac:spMk id="3" creationId="{FA1A98B6-8A85-B462-6F07-8E4BA20378AC}"/>
          </ac:spMkLst>
        </pc:spChg>
        <pc:spChg chg="mod">
          <ac:chgData name="Matias Vázquez Piñón" userId="2f86a967-3c9c-4a39-b538-7e6c0574d83d" providerId="ADAL" clId="{B66F9EAA-205E-4280-88AD-8E45210EEBDB}" dt="2022-08-25T21:16:37.217" v="268" actId="20577"/>
          <ac:spMkLst>
            <pc:docMk/>
            <pc:sldMk cId="757322873" sldId="280"/>
            <ac:spMk id="4" creationId="{DC3B18B3-C942-E467-D24A-C84ED1395839}"/>
          </ac:spMkLst>
        </pc:spChg>
      </pc:sldChg>
      <pc:sldChg chg="del">
        <pc:chgData name="Matias Vázquez Piñón" userId="2f86a967-3c9c-4a39-b538-7e6c0574d83d" providerId="ADAL" clId="{B66F9EAA-205E-4280-88AD-8E45210EEBDB}" dt="2022-08-25T21:11:12.572" v="44" actId="47"/>
        <pc:sldMkLst>
          <pc:docMk/>
          <pc:sldMk cId="2866640030" sldId="280"/>
        </pc:sldMkLst>
      </pc:sldChg>
      <pc:sldChg chg="addSp delSp modSp new del mod chgLayout">
        <pc:chgData name="Matias Vázquez Piñón" userId="2f86a967-3c9c-4a39-b538-7e6c0574d83d" providerId="ADAL" clId="{B66F9EAA-205E-4280-88AD-8E45210EEBDB}" dt="2022-08-27T15:30:43.493" v="3443" actId="47"/>
        <pc:sldMkLst>
          <pc:docMk/>
          <pc:sldMk cId="1686499026" sldId="281"/>
        </pc:sldMkLst>
        <pc:spChg chg="mod ord">
          <ac:chgData name="Matias Vázquez Piñón" userId="2f86a967-3c9c-4a39-b538-7e6c0574d83d" providerId="ADAL" clId="{B66F9EAA-205E-4280-88AD-8E45210EEBDB}" dt="2022-08-27T15:02:54.209" v="1549" actId="20577"/>
          <ac:spMkLst>
            <pc:docMk/>
            <pc:sldMk cId="1686499026" sldId="281"/>
            <ac:spMk id="2" creationId="{4A3B34E9-790D-8D3B-F4FC-D25108D99ABA}"/>
          </ac:spMkLst>
        </pc:spChg>
        <pc:spChg chg="mod ord">
          <ac:chgData name="Matias Vázquez Piñón" userId="2f86a967-3c9c-4a39-b538-7e6c0574d83d" providerId="ADAL" clId="{B66F9EAA-205E-4280-88AD-8E45210EEBDB}" dt="2022-08-27T15:01:19.402" v="1530" actId="20577"/>
          <ac:spMkLst>
            <pc:docMk/>
            <pc:sldMk cId="1686499026" sldId="281"/>
            <ac:spMk id="3" creationId="{EE682FD7-0C76-8DA0-A5CB-F7573A7E4A63}"/>
          </ac:spMkLst>
        </pc:spChg>
        <pc:spChg chg="mod ord">
          <ac:chgData name="Matias Vázquez Piñón" userId="2f86a967-3c9c-4a39-b538-7e6c0574d83d" providerId="ADAL" clId="{B66F9EAA-205E-4280-88AD-8E45210EEBDB}" dt="2022-08-27T14:53:08.865" v="1136" actId="700"/>
          <ac:spMkLst>
            <pc:docMk/>
            <pc:sldMk cId="1686499026" sldId="281"/>
            <ac:spMk id="4" creationId="{5E6306AD-E90B-C273-70AF-13F5DBC2C2C1}"/>
          </ac:spMkLst>
        </pc:spChg>
        <pc:spChg chg="add del mod ord">
          <ac:chgData name="Matias Vázquez Piñón" userId="2f86a967-3c9c-4a39-b538-7e6c0574d83d" providerId="ADAL" clId="{B66F9EAA-205E-4280-88AD-8E45210EEBDB}" dt="2022-08-27T14:57:46.737" v="1465" actId="931"/>
          <ac:spMkLst>
            <pc:docMk/>
            <pc:sldMk cId="1686499026" sldId="281"/>
            <ac:spMk id="5" creationId="{F0EE50E0-0BBD-40E0-0D49-1FFC9FBC6EBA}"/>
          </ac:spMkLst>
        </pc:spChg>
        <pc:spChg chg="add del mod ord">
          <ac:chgData name="Matias Vázquez Piñón" userId="2f86a967-3c9c-4a39-b538-7e6c0574d83d" providerId="ADAL" clId="{B66F9EAA-205E-4280-88AD-8E45210EEBDB}" dt="2022-08-27T14:57:46.737" v="1465" actId="931"/>
          <ac:spMkLst>
            <pc:docMk/>
            <pc:sldMk cId="1686499026" sldId="281"/>
            <ac:spMk id="6" creationId="{815B1744-C092-DD89-8B3E-DA0BF58CB33C}"/>
          </ac:spMkLst>
        </pc:spChg>
        <pc:spChg chg="add mod ord">
          <ac:chgData name="Matias Vázquez Piñón" userId="2f86a967-3c9c-4a39-b538-7e6c0574d83d" providerId="ADAL" clId="{B66F9EAA-205E-4280-88AD-8E45210EEBDB}" dt="2022-08-27T14:53:08.865" v="1136" actId="700"/>
          <ac:spMkLst>
            <pc:docMk/>
            <pc:sldMk cId="1686499026" sldId="281"/>
            <ac:spMk id="7" creationId="{35B554CE-0ED0-1872-7674-F98CABCDFAB7}"/>
          </ac:spMkLst>
        </pc:spChg>
        <pc:spChg chg="add mod ord">
          <ac:chgData name="Matias Vázquez Piñón" userId="2f86a967-3c9c-4a39-b538-7e6c0574d83d" providerId="ADAL" clId="{B66F9EAA-205E-4280-88AD-8E45210EEBDB}" dt="2022-08-27T15:00:22.304" v="1497" actId="20577"/>
          <ac:spMkLst>
            <pc:docMk/>
            <pc:sldMk cId="1686499026" sldId="281"/>
            <ac:spMk id="8" creationId="{DB0E95FD-CBA0-EBF7-662D-EA4EEFC540F6}"/>
          </ac:spMkLst>
        </pc:spChg>
        <pc:spChg chg="add mod ord">
          <ac:chgData name="Matias Vázquez Piñón" userId="2f86a967-3c9c-4a39-b538-7e6c0574d83d" providerId="ADAL" clId="{B66F9EAA-205E-4280-88AD-8E45210EEBDB}" dt="2022-08-27T14:58:42.141" v="1481"/>
          <ac:spMkLst>
            <pc:docMk/>
            <pc:sldMk cId="1686499026" sldId="281"/>
            <ac:spMk id="9" creationId="{3930DBDA-F76D-6495-076C-5BCBC6FC94A3}"/>
          </ac:spMkLst>
        </pc:spChg>
        <pc:spChg chg="add mod ord">
          <ac:chgData name="Matias Vázquez Piñón" userId="2f86a967-3c9c-4a39-b538-7e6c0574d83d" providerId="ADAL" clId="{B66F9EAA-205E-4280-88AD-8E45210EEBDB}" dt="2022-08-27T14:53:32.925" v="1183" actId="20577"/>
          <ac:spMkLst>
            <pc:docMk/>
            <pc:sldMk cId="1686499026" sldId="281"/>
            <ac:spMk id="10" creationId="{F94096E2-7E11-88B3-E72D-84D78A704A8E}"/>
          </ac:spMkLst>
        </pc:spChg>
        <pc:spChg chg="add mod ord">
          <ac:chgData name="Matias Vázquez Piñón" userId="2f86a967-3c9c-4a39-b538-7e6c0574d83d" providerId="ADAL" clId="{B66F9EAA-205E-4280-88AD-8E45210EEBDB}" dt="2022-08-27T15:01:32.160" v="1542" actId="20577"/>
          <ac:spMkLst>
            <pc:docMk/>
            <pc:sldMk cId="1686499026" sldId="281"/>
            <ac:spMk id="11" creationId="{C81DBF44-CC14-4044-0014-F3A269480CD1}"/>
          </ac:spMkLst>
        </pc:spChg>
        <pc:spChg chg="add mod">
          <ac:chgData name="Matias Vázquez Piñón" userId="2f86a967-3c9c-4a39-b538-7e6c0574d83d" providerId="ADAL" clId="{B66F9EAA-205E-4280-88AD-8E45210EEBDB}" dt="2022-08-27T14:57:50.423" v="1466" actId="21"/>
          <ac:spMkLst>
            <pc:docMk/>
            <pc:sldMk cId="1686499026" sldId="281"/>
            <ac:spMk id="16" creationId="{A2684E74-19A9-9D66-0289-B9F7D2219F2F}"/>
          </ac:spMkLst>
        </pc:spChg>
        <pc:spChg chg="add mod">
          <ac:chgData name="Matias Vázquez Piñón" userId="2f86a967-3c9c-4a39-b538-7e6c0574d83d" providerId="ADAL" clId="{B66F9EAA-205E-4280-88AD-8E45210EEBDB}" dt="2022-08-27T14:57:50.423" v="1466" actId="21"/>
          <ac:spMkLst>
            <pc:docMk/>
            <pc:sldMk cId="1686499026" sldId="281"/>
            <ac:spMk id="17" creationId="{94E7286C-8D4B-F45D-F0D3-34745E493941}"/>
          </ac:spMkLst>
        </pc:spChg>
        <pc:picChg chg="add del mod">
          <ac:chgData name="Matias Vázquez Piñón" userId="2f86a967-3c9c-4a39-b538-7e6c0574d83d" providerId="ADAL" clId="{B66F9EAA-205E-4280-88AD-8E45210EEBDB}" dt="2022-08-27T14:57:50.423" v="1466" actId="21"/>
          <ac:picMkLst>
            <pc:docMk/>
            <pc:sldMk cId="1686499026" sldId="281"/>
            <ac:picMk id="13" creationId="{6BE3037B-6ECF-735F-7B7D-915A5DF08E7E}"/>
          </ac:picMkLst>
        </pc:picChg>
        <pc:picChg chg="add del mod">
          <ac:chgData name="Matias Vázquez Piñón" userId="2f86a967-3c9c-4a39-b538-7e6c0574d83d" providerId="ADAL" clId="{B66F9EAA-205E-4280-88AD-8E45210EEBDB}" dt="2022-08-27T14:57:50.423" v="1466" actId="21"/>
          <ac:picMkLst>
            <pc:docMk/>
            <pc:sldMk cId="1686499026" sldId="281"/>
            <ac:picMk id="15" creationId="{F71DBEF3-59DB-600A-4E64-98B582512C89}"/>
          </ac:picMkLst>
        </pc:picChg>
        <pc:picChg chg="add del mod">
          <ac:chgData name="Matias Vázquez Piñón" userId="2f86a967-3c9c-4a39-b538-7e6c0574d83d" providerId="ADAL" clId="{B66F9EAA-205E-4280-88AD-8E45210EEBDB}" dt="2022-08-27T14:58:28.464" v="1478" actId="478"/>
          <ac:picMkLst>
            <pc:docMk/>
            <pc:sldMk cId="1686499026" sldId="281"/>
            <ac:picMk id="18" creationId="{3FD18EC2-0CA7-9E8F-2845-DABA6934B213}"/>
          </ac:picMkLst>
        </pc:picChg>
        <pc:picChg chg="add del mod">
          <ac:chgData name="Matias Vázquez Piñón" userId="2f86a967-3c9c-4a39-b538-7e6c0574d83d" providerId="ADAL" clId="{B66F9EAA-205E-4280-88AD-8E45210EEBDB}" dt="2022-08-27T14:58:29.119" v="1479" actId="478"/>
          <ac:picMkLst>
            <pc:docMk/>
            <pc:sldMk cId="1686499026" sldId="281"/>
            <ac:picMk id="19" creationId="{BE3887D5-CCEA-F283-F13D-A7BE5DA8BA5E}"/>
          </ac:picMkLst>
        </pc:picChg>
      </pc:sldChg>
      <pc:sldChg chg="del">
        <pc:chgData name="Matias Vázquez Piñón" userId="2f86a967-3c9c-4a39-b538-7e6c0574d83d" providerId="ADAL" clId="{B66F9EAA-205E-4280-88AD-8E45210EEBDB}" dt="2022-08-25T21:11:12.572" v="44" actId="47"/>
        <pc:sldMkLst>
          <pc:docMk/>
          <pc:sldMk cId="2657048017" sldId="281"/>
        </pc:sldMkLst>
      </pc:sldChg>
      <pc:sldChg chg="new del">
        <pc:chgData name="Matias Vázquez Piñón" userId="2f86a967-3c9c-4a39-b538-7e6c0574d83d" providerId="ADAL" clId="{B66F9EAA-205E-4280-88AD-8E45210EEBDB}" dt="2022-08-25T21:19:38.460" v="271" actId="680"/>
        <pc:sldMkLst>
          <pc:docMk/>
          <pc:sldMk cId="2827954881" sldId="281"/>
        </pc:sldMkLst>
      </pc:sldChg>
      <pc:sldChg chg="modSp new del mod">
        <pc:chgData name="Matias Vázquez Piñón" userId="2f86a967-3c9c-4a39-b538-7e6c0574d83d" providerId="ADAL" clId="{B66F9EAA-205E-4280-88AD-8E45210EEBDB}" dt="2022-08-27T13:48:27.125" v="915" actId="47"/>
        <pc:sldMkLst>
          <pc:docMk/>
          <pc:sldMk cId="1805589925" sldId="282"/>
        </pc:sldMkLst>
        <pc:spChg chg="mod">
          <ac:chgData name="Matias Vázquez Piñón" userId="2f86a967-3c9c-4a39-b538-7e6c0574d83d" providerId="ADAL" clId="{B66F9EAA-205E-4280-88AD-8E45210EEBDB}" dt="2022-08-25T21:25:02.247" v="342" actId="20577"/>
          <ac:spMkLst>
            <pc:docMk/>
            <pc:sldMk cId="1805589925" sldId="282"/>
            <ac:spMk id="2" creationId="{9F0364DB-CAFE-D0A9-8CCC-96D70718E941}"/>
          </ac:spMkLst>
        </pc:spChg>
      </pc:sldChg>
      <pc:sldChg chg="modSp new del mod">
        <pc:chgData name="Matias Vázquez Piñón" userId="2f86a967-3c9c-4a39-b538-7e6c0574d83d" providerId="ADAL" clId="{B66F9EAA-205E-4280-88AD-8E45210EEBDB}" dt="2022-08-27T13:48:28.734" v="916" actId="47"/>
        <pc:sldMkLst>
          <pc:docMk/>
          <pc:sldMk cId="2507417801" sldId="283"/>
        </pc:sldMkLst>
        <pc:spChg chg="mod">
          <ac:chgData name="Matias Vázquez Piñón" userId="2f86a967-3c9c-4a39-b538-7e6c0574d83d" providerId="ADAL" clId="{B66F9EAA-205E-4280-88AD-8E45210EEBDB}" dt="2022-08-25T21:24:52.815" v="333" actId="20577"/>
          <ac:spMkLst>
            <pc:docMk/>
            <pc:sldMk cId="2507417801" sldId="283"/>
            <ac:spMk id="2" creationId="{A6118B3E-ABD6-23F3-4291-5BCE7E9AC94A}"/>
          </ac:spMkLst>
        </pc:spChg>
      </pc:sldChg>
      <pc:sldChg chg="del">
        <pc:chgData name="Matias Vázquez Piñón" userId="2f86a967-3c9c-4a39-b538-7e6c0574d83d" providerId="ADAL" clId="{B66F9EAA-205E-4280-88AD-8E45210EEBDB}" dt="2022-08-25T21:11:12.572" v="44" actId="47"/>
        <pc:sldMkLst>
          <pc:docMk/>
          <pc:sldMk cId="2620245939" sldId="283"/>
        </pc:sldMkLst>
      </pc:sldChg>
      <pc:sldChg chg="addSp delSp modSp new mod">
        <pc:chgData name="Matias Vázquez Piñón" userId="2f86a967-3c9c-4a39-b538-7e6c0574d83d" providerId="ADAL" clId="{B66F9EAA-205E-4280-88AD-8E45210EEBDB}" dt="2022-08-27T13:49:14.437" v="953" actId="1076"/>
        <pc:sldMkLst>
          <pc:docMk/>
          <pc:sldMk cId="391587271" sldId="284"/>
        </pc:sldMkLst>
        <pc:spChg chg="mod">
          <ac:chgData name="Matias Vázquez Piñón" userId="2f86a967-3c9c-4a39-b538-7e6c0574d83d" providerId="ADAL" clId="{B66F9EAA-205E-4280-88AD-8E45210EEBDB}" dt="2022-08-25T21:37:36.185" v="400" actId="20577"/>
          <ac:spMkLst>
            <pc:docMk/>
            <pc:sldMk cId="391587271" sldId="284"/>
            <ac:spMk id="2" creationId="{FB4917B9-93C1-6126-72B2-6C3DD8705AB9}"/>
          </ac:spMkLst>
        </pc:spChg>
        <pc:spChg chg="del mod">
          <ac:chgData name="Matias Vázquez Piñón" userId="2f86a967-3c9c-4a39-b538-7e6c0574d83d" providerId="ADAL" clId="{B66F9EAA-205E-4280-88AD-8E45210EEBDB}" dt="2022-08-27T13:32:37.965" v="672" actId="478"/>
          <ac:spMkLst>
            <pc:docMk/>
            <pc:sldMk cId="391587271" sldId="284"/>
            <ac:spMk id="3" creationId="{19581220-CE6B-A581-9350-26204F4EC4C2}"/>
          </ac:spMkLst>
        </pc:spChg>
        <pc:spChg chg="add del mod">
          <ac:chgData name="Matias Vázquez Piñón" userId="2f86a967-3c9c-4a39-b538-7e6c0574d83d" providerId="ADAL" clId="{B66F9EAA-205E-4280-88AD-8E45210EEBDB}" dt="2022-08-27T13:33:44.933" v="679" actId="478"/>
          <ac:spMkLst>
            <pc:docMk/>
            <pc:sldMk cId="391587271" sldId="284"/>
            <ac:spMk id="8" creationId="{A4F9F0EA-DDDA-B2AD-AB09-A8C02B4B74F2}"/>
          </ac:spMkLst>
        </pc:spChg>
        <pc:spChg chg="add del mod">
          <ac:chgData name="Matias Vázquez Piñón" userId="2f86a967-3c9c-4a39-b538-7e6c0574d83d" providerId="ADAL" clId="{B66F9EAA-205E-4280-88AD-8E45210EEBDB}" dt="2022-08-27T13:33:44.933" v="679" actId="478"/>
          <ac:spMkLst>
            <pc:docMk/>
            <pc:sldMk cId="391587271" sldId="284"/>
            <ac:spMk id="9" creationId="{26029D30-8957-6C80-D989-4FBABC0FF196}"/>
          </ac:spMkLst>
        </pc:spChg>
        <pc:spChg chg="add del mod">
          <ac:chgData name="Matias Vázquez Piñón" userId="2f86a967-3c9c-4a39-b538-7e6c0574d83d" providerId="ADAL" clId="{B66F9EAA-205E-4280-88AD-8E45210EEBDB}" dt="2022-08-27T13:33:44.933" v="679" actId="478"/>
          <ac:spMkLst>
            <pc:docMk/>
            <pc:sldMk cId="391587271" sldId="284"/>
            <ac:spMk id="10" creationId="{F4C5EC80-9C2E-8BF8-4765-CD18AD0E2797}"/>
          </ac:spMkLst>
        </pc:spChg>
        <pc:spChg chg="add del mod">
          <ac:chgData name="Matias Vázquez Piñón" userId="2f86a967-3c9c-4a39-b538-7e6c0574d83d" providerId="ADAL" clId="{B66F9EAA-205E-4280-88AD-8E45210EEBDB}" dt="2022-08-27T13:33:24.352" v="677"/>
          <ac:spMkLst>
            <pc:docMk/>
            <pc:sldMk cId="391587271" sldId="284"/>
            <ac:spMk id="11" creationId="{F3341E55-BCED-3704-5B18-8451F6F9A1A2}"/>
          </ac:spMkLst>
        </pc:spChg>
        <pc:spChg chg="add del mod">
          <ac:chgData name="Matias Vázquez Piñón" userId="2f86a967-3c9c-4a39-b538-7e6c0574d83d" providerId="ADAL" clId="{B66F9EAA-205E-4280-88AD-8E45210EEBDB}" dt="2022-08-27T13:33:46.722" v="680"/>
          <ac:spMkLst>
            <pc:docMk/>
            <pc:sldMk cId="391587271" sldId="284"/>
            <ac:spMk id="14" creationId="{BF7B471F-02FB-1B67-B2FE-76B02235E695}"/>
          </ac:spMkLst>
        </pc:spChg>
        <pc:spChg chg="add mod">
          <ac:chgData name="Matias Vázquez Piñón" userId="2f86a967-3c9c-4a39-b538-7e6c0574d83d" providerId="ADAL" clId="{B66F9EAA-205E-4280-88AD-8E45210EEBDB}" dt="2022-08-27T13:45:06.247" v="866" actId="1076"/>
          <ac:spMkLst>
            <pc:docMk/>
            <pc:sldMk cId="391587271" sldId="284"/>
            <ac:spMk id="16" creationId="{61B7B120-09A7-8AB5-EC04-E0FBA9C42873}"/>
          </ac:spMkLst>
        </pc:spChg>
        <pc:spChg chg="add del mod">
          <ac:chgData name="Matias Vázquez Piñón" userId="2f86a967-3c9c-4a39-b538-7e6c0574d83d" providerId="ADAL" clId="{B66F9EAA-205E-4280-88AD-8E45210EEBDB}" dt="2022-08-27T13:45:17.612" v="868" actId="478"/>
          <ac:spMkLst>
            <pc:docMk/>
            <pc:sldMk cId="391587271" sldId="284"/>
            <ac:spMk id="17" creationId="{8BBA2AC2-09D7-423A-DAA4-1E36B6C76EDD}"/>
          </ac:spMkLst>
        </pc:spChg>
        <pc:spChg chg="add del mod">
          <ac:chgData name="Matias Vázquez Piñón" userId="2f86a967-3c9c-4a39-b538-7e6c0574d83d" providerId="ADAL" clId="{B66F9EAA-205E-4280-88AD-8E45210EEBDB}" dt="2022-08-27T13:45:11.628" v="867" actId="478"/>
          <ac:spMkLst>
            <pc:docMk/>
            <pc:sldMk cId="391587271" sldId="284"/>
            <ac:spMk id="18" creationId="{FA803A10-19F1-D4E6-509A-CBEF06E6AC44}"/>
          </ac:spMkLst>
        </pc:spChg>
        <pc:spChg chg="add mod">
          <ac:chgData name="Matias Vázquez Piñón" userId="2f86a967-3c9c-4a39-b538-7e6c0574d83d" providerId="ADAL" clId="{B66F9EAA-205E-4280-88AD-8E45210EEBDB}" dt="2022-08-27T13:46:12.719" v="885" actId="1076"/>
          <ac:spMkLst>
            <pc:docMk/>
            <pc:sldMk cId="391587271" sldId="284"/>
            <ac:spMk id="19" creationId="{214D8C3C-C4F4-8565-F75C-AD94857BB072}"/>
          </ac:spMkLst>
        </pc:spChg>
        <pc:spChg chg="add mod">
          <ac:chgData name="Matias Vázquez Piñón" userId="2f86a967-3c9c-4a39-b538-7e6c0574d83d" providerId="ADAL" clId="{B66F9EAA-205E-4280-88AD-8E45210EEBDB}" dt="2022-08-27T13:46:58.348" v="910" actId="20577"/>
          <ac:spMkLst>
            <pc:docMk/>
            <pc:sldMk cId="391587271" sldId="284"/>
            <ac:spMk id="22" creationId="{DEF948AC-DEE4-670F-1EF5-624CC5334AD2}"/>
          </ac:spMkLst>
        </pc:spChg>
        <pc:spChg chg="add mod">
          <ac:chgData name="Matias Vázquez Piñón" userId="2f86a967-3c9c-4a39-b538-7e6c0574d83d" providerId="ADAL" clId="{B66F9EAA-205E-4280-88AD-8E45210EEBDB}" dt="2022-08-27T13:47:18.151" v="912" actId="13822"/>
          <ac:spMkLst>
            <pc:docMk/>
            <pc:sldMk cId="391587271" sldId="284"/>
            <ac:spMk id="24" creationId="{90004BB3-CBE6-7758-76D5-45F94C87D02B}"/>
          </ac:spMkLst>
        </pc:spChg>
        <pc:spChg chg="add mod">
          <ac:chgData name="Matias Vázquez Piñón" userId="2f86a967-3c9c-4a39-b538-7e6c0574d83d" providerId="ADAL" clId="{B66F9EAA-205E-4280-88AD-8E45210EEBDB}" dt="2022-08-27T13:47:21.025" v="913" actId="13822"/>
          <ac:spMkLst>
            <pc:docMk/>
            <pc:sldMk cId="391587271" sldId="284"/>
            <ac:spMk id="25" creationId="{30421D45-508E-8B80-B1ED-41FFEA6F4EC8}"/>
          </ac:spMkLst>
        </pc:spChg>
        <pc:spChg chg="add mod">
          <ac:chgData name="Matias Vázquez Piñón" userId="2f86a967-3c9c-4a39-b538-7e6c0574d83d" providerId="ADAL" clId="{B66F9EAA-205E-4280-88AD-8E45210EEBDB}" dt="2022-08-27T13:49:14.437" v="953" actId="1076"/>
          <ac:spMkLst>
            <pc:docMk/>
            <pc:sldMk cId="391587271" sldId="284"/>
            <ac:spMk id="27" creationId="{CB07FC08-A377-A0A3-D804-A588B36582A0}"/>
          </ac:spMkLst>
        </pc:spChg>
        <pc:graphicFrameChg chg="add del mod modGraphic">
          <ac:chgData name="Matias Vázquez Piñón" userId="2f86a967-3c9c-4a39-b538-7e6c0574d83d" providerId="ADAL" clId="{B66F9EAA-205E-4280-88AD-8E45210EEBDB}" dt="2022-08-27T13:33:21.267" v="676" actId="21"/>
          <ac:graphicFrameMkLst>
            <pc:docMk/>
            <pc:sldMk cId="391587271" sldId="284"/>
            <ac:graphicFrameMk id="7" creationId="{1087C4FC-39D8-B0DB-4C74-AD5EA764F875}"/>
          </ac:graphicFrameMkLst>
        </pc:graphicFrameChg>
        <pc:graphicFrameChg chg="add del mod">
          <ac:chgData name="Matias Vázquez Piñón" userId="2f86a967-3c9c-4a39-b538-7e6c0574d83d" providerId="ADAL" clId="{B66F9EAA-205E-4280-88AD-8E45210EEBDB}" dt="2022-08-27T13:33:40.850" v="678" actId="21"/>
          <ac:graphicFrameMkLst>
            <pc:docMk/>
            <pc:sldMk cId="391587271" sldId="284"/>
            <ac:graphicFrameMk id="12" creationId="{26A35E22-EA31-24DC-BB8E-9651C2363C48}"/>
          </ac:graphicFrameMkLst>
        </pc:graphicFrameChg>
        <pc:graphicFrameChg chg="add mod">
          <ac:chgData name="Matias Vázquez Piñón" userId="2f86a967-3c9c-4a39-b538-7e6c0574d83d" providerId="ADAL" clId="{B66F9EAA-205E-4280-88AD-8E45210EEBDB}" dt="2022-08-27T13:49:00.937" v="950"/>
          <ac:graphicFrameMkLst>
            <pc:docMk/>
            <pc:sldMk cId="391587271" sldId="284"/>
            <ac:graphicFrameMk id="15" creationId="{4F716FC0-FD45-D6D2-4688-19BECAAC8E52}"/>
          </ac:graphicFrameMkLst>
        </pc:graphicFrameChg>
        <pc:picChg chg="add mod">
          <ac:chgData name="Matias Vázquez Piñón" userId="2f86a967-3c9c-4a39-b538-7e6c0574d83d" providerId="ADAL" clId="{B66F9EAA-205E-4280-88AD-8E45210EEBDB}" dt="2022-08-27T13:46:01.596" v="880" actId="14100"/>
          <ac:picMkLst>
            <pc:docMk/>
            <pc:sldMk cId="391587271" sldId="284"/>
            <ac:picMk id="21" creationId="{B55AD002-82C4-C0AF-247A-925381006311}"/>
          </ac:picMkLst>
        </pc:picChg>
        <pc:picChg chg="add del mod">
          <ac:chgData name="Matias Vázquez Piñón" userId="2f86a967-3c9c-4a39-b538-7e6c0574d83d" providerId="ADAL" clId="{B66F9EAA-205E-4280-88AD-8E45210EEBDB}" dt="2022-08-27T13:46:18.400" v="886" actId="478"/>
          <ac:picMkLst>
            <pc:docMk/>
            <pc:sldMk cId="391587271" sldId="284"/>
            <ac:picMk id="23" creationId="{611BC8E9-2D3A-252E-BD0B-E97E00F7EF7E}"/>
          </ac:picMkLst>
        </pc:picChg>
        <pc:picChg chg="add mod">
          <ac:chgData name="Matias Vázquez Piñón" userId="2f86a967-3c9c-4a39-b538-7e6c0574d83d" providerId="ADAL" clId="{B66F9EAA-205E-4280-88AD-8E45210EEBDB}" dt="2022-08-27T13:46:44.014" v="894" actId="1038"/>
          <ac:picMkLst>
            <pc:docMk/>
            <pc:sldMk cId="391587271" sldId="284"/>
            <ac:picMk id="26" creationId="{A9BF15F8-7235-9B9B-112D-BB71901C1C26}"/>
          </ac:picMkLst>
        </pc:picChg>
      </pc:sldChg>
      <pc:sldChg chg="del">
        <pc:chgData name="Matias Vázquez Piñón" userId="2f86a967-3c9c-4a39-b538-7e6c0574d83d" providerId="ADAL" clId="{B66F9EAA-205E-4280-88AD-8E45210EEBDB}" dt="2022-08-25T21:11:12.572" v="44" actId="47"/>
        <pc:sldMkLst>
          <pc:docMk/>
          <pc:sldMk cId="2307097429" sldId="284"/>
        </pc:sldMkLst>
      </pc:sldChg>
      <pc:sldChg chg="addSp delSp modSp new del mod modClrScheme chgLayout">
        <pc:chgData name="Matias Vázquez Piñón" userId="2f86a967-3c9c-4a39-b538-7e6c0574d83d" providerId="ADAL" clId="{B66F9EAA-205E-4280-88AD-8E45210EEBDB}" dt="2022-08-27T13:39:02.902" v="742" actId="47"/>
        <pc:sldMkLst>
          <pc:docMk/>
          <pc:sldMk cId="174909486" sldId="285"/>
        </pc:sldMkLst>
        <pc:spChg chg="mod ord">
          <ac:chgData name="Matias Vázquez Piñón" userId="2f86a967-3c9c-4a39-b538-7e6c0574d83d" providerId="ADAL" clId="{B66F9EAA-205E-4280-88AD-8E45210EEBDB}" dt="2022-08-25T21:42:14.301" v="488" actId="700"/>
          <ac:spMkLst>
            <pc:docMk/>
            <pc:sldMk cId="174909486" sldId="285"/>
            <ac:spMk id="2" creationId="{9D705A98-4EA6-CBA9-E3F8-3E2DDC4B3AC8}"/>
          </ac:spMkLst>
        </pc:spChg>
        <pc:spChg chg="mod ord">
          <ac:chgData name="Matias Vázquez Piñón" userId="2f86a967-3c9c-4a39-b538-7e6c0574d83d" providerId="ADAL" clId="{B66F9EAA-205E-4280-88AD-8E45210EEBDB}" dt="2022-08-25T21:42:17.966" v="489" actId="27636"/>
          <ac:spMkLst>
            <pc:docMk/>
            <pc:sldMk cId="174909486" sldId="285"/>
            <ac:spMk id="3" creationId="{CE9B851F-B945-2C36-646B-1E59457CBF50}"/>
          </ac:spMkLst>
        </pc:spChg>
        <pc:spChg chg="mod ord">
          <ac:chgData name="Matias Vázquez Piñón" userId="2f86a967-3c9c-4a39-b538-7e6c0574d83d" providerId="ADAL" clId="{B66F9EAA-205E-4280-88AD-8E45210EEBDB}" dt="2022-08-25T21:42:14.301" v="488" actId="700"/>
          <ac:spMkLst>
            <pc:docMk/>
            <pc:sldMk cId="174909486" sldId="285"/>
            <ac:spMk id="4" creationId="{BBA75CD8-D339-BDC2-1C19-7772776425F1}"/>
          </ac:spMkLst>
        </pc:spChg>
        <pc:spChg chg="add del mod ord">
          <ac:chgData name="Matias Vázquez Piñón" userId="2f86a967-3c9c-4a39-b538-7e6c0574d83d" providerId="ADAL" clId="{B66F9EAA-205E-4280-88AD-8E45210EEBDB}" dt="2022-08-25T21:43:16.049" v="492" actId="22"/>
          <ac:spMkLst>
            <pc:docMk/>
            <pc:sldMk cId="174909486" sldId="285"/>
            <ac:spMk id="5" creationId="{8CE57A1B-8D09-C7B9-7A3C-0C3D1F97BE1E}"/>
          </ac:spMkLst>
        </pc:spChg>
        <pc:picChg chg="add del mod ord">
          <ac:chgData name="Matias Vázquez Piñón" userId="2f86a967-3c9c-4a39-b538-7e6c0574d83d" providerId="ADAL" clId="{B66F9EAA-205E-4280-88AD-8E45210EEBDB}" dt="2022-08-25T21:43:04.391" v="491" actId="22"/>
          <ac:picMkLst>
            <pc:docMk/>
            <pc:sldMk cId="174909486" sldId="285"/>
            <ac:picMk id="7" creationId="{45878938-6400-AF1A-901E-1F8A112C5B35}"/>
          </ac:picMkLst>
        </pc:picChg>
        <pc:picChg chg="add mod ord">
          <ac:chgData name="Matias Vázquez Piñón" userId="2f86a967-3c9c-4a39-b538-7e6c0574d83d" providerId="ADAL" clId="{B66F9EAA-205E-4280-88AD-8E45210EEBDB}" dt="2022-08-25T21:43:16.049" v="492" actId="22"/>
          <ac:picMkLst>
            <pc:docMk/>
            <pc:sldMk cId="174909486" sldId="285"/>
            <ac:picMk id="9" creationId="{19404F77-2E9A-D7F8-63D8-2C8CFA70111D}"/>
          </ac:picMkLst>
        </pc:picChg>
        <pc:picChg chg="add mod">
          <ac:chgData name="Matias Vázquez Piñón" userId="2f86a967-3c9c-4a39-b538-7e6c0574d83d" providerId="ADAL" clId="{B66F9EAA-205E-4280-88AD-8E45210EEBDB}" dt="2022-08-25T21:43:41.227" v="496" actId="1076"/>
          <ac:picMkLst>
            <pc:docMk/>
            <pc:sldMk cId="174909486" sldId="285"/>
            <ac:picMk id="11" creationId="{51041E8D-A5A5-FD8F-3934-3D9DAB2979AE}"/>
          </ac:picMkLst>
        </pc:picChg>
      </pc:sldChg>
      <pc:sldChg chg="del">
        <pc:chgData name="Matias Vázquez Piñón" userId="2f86a967-3c9c-4a39-b538-7e6c0574d83d" providerId="ADAL" clId="{B66F9EAA-205E-4280-88AD-8E45210EEBDB}" dt="2022-08-25T21:11:12.572" v="44" actId="47"/>
        <pc:sldMkLst>
          <pc:docMk/>
          <pc:sldMk cId="3102174217" sldId="286"/>
        </pc:sldMkLst>
      </pc:sldChg>
      <pc:sldChg chg="addSp delSp modSp new del mod">
        <pc:chgData name="Matias Vázquez Piñón" userId="2f86a967-3c9c-4a39-b538-7e6c0574d83d" providerId="ADAL" clId="{B66F9EAA-205E-4280-88AD-8E45210EEBDB}" dt="2022-08-27T13:48:19.134" v="914" actId="47"/>
        <pc:sldMkLst>
          <pc:docMk/>
          <pc:sldMk cId="3504830102" sldId="286"/>
        </pc:sldMkLst>
        <pc:spChg chg="mod">
          <ac:chgData name="Matias Vázquez Piñón" userId="2f86a967-3c9c-4a39-b538-7e6c0574d83d" providerId="ADAL" clId="{B66F9EAA-205E-4280-88AD-8E45210EEBDB}" dt="2022-08-25T21:46:25.936" v="530" actId="20577"/>
          <ac:spMkLst>
            <pc:docMk/>
            <pc:sldMk cId="3504830102" sldId="286"/>
            <ac:spMk id="2" creationId="{6F4C3EB9-2923-D482-67D9-19457352754D}"/>
          </ac:spMkLst>
        </pc:spChg>
        <pc:spChg chg="mod">
          <ac:chgData name="Matias Vázquez Piñón" userId="2f86a967-3c9c-4a39-b538-7e6c0574d83d" providerId="ADAL" clId="{B66F9EAA-205E-4280-88AD-8E45210EEBDB}" dt="2022-08-25T21:48:06.522" v="543" actId="27636"/>
          <ac:spMkLst>
            <pc:docMk/>
            <pc:sldMk cId="3504830102" sldId="286"/>
            <ac:spMk id="3" creationId="{ABEC57D6-B0F3-AFB1-CD47-60385D57A3BC}"/>
          </ac:spMkLst>
        </pc:spChg>
        <pc:spChg chg="del">
          <ac:chgData name="Matias Vázquez Piñón" userId="2f86a967-3c9c-4a39-b538-7e6c0574d83d" providerId="ADAL" clId="{B66F9EAA-205E-4280-88AD-8E45210EEBDB}" dt="2022-08-25T21:48:26.159" v="544" actId="22"/>
          <ac:spMkLst>
            <pc:docMk/>
            <pc:sldMk cId="3504830102" sldId="286"/>
            <ac:spMk id="4" creationId="{E0DE9F39-24A9-F5E3-80EC-2516B3FF6CE9}"/>
          </ac:spMkLst>
        </pc:spChg>
        <pc:picChg chg="add mod ord">
          <ac:chgData name="Matias Vázquez Piñón" userId="2f86a967-3c9c-4a39-b538-7e6c0574d83d" providerId="ADAL" clId="{B66F9EAA-205E-4280-88AD-8E45210EEBDB}" dt="2022-08-25T21:48:26.159" v="544" actId="22"/>
          <ac:picMkLst>
            <pc:docMk/>
            <pc:sldMk cId="3504830102" sldId="286"/>
            <ac:picMk id="7" creationId="{57DC3BEB-435D-F232-86DF-34C8A4B4983B}"/>
          </ac:picMkLst>
        </pc:picChg>
      </pc:sldChg>
      <pc:sldChg chg="del">
        <pc:chgData name="Matias Vázquez Piñón" userId="2f86a967-3c9c-4a39-b538-7e6c0574d83d" providerId="ADAL" clId="{B66F9EAA-205E-4280-88AD-8E45210EEBDB}" dt="2022-08-25T21:11:12.572" v="44" actId="47"/>
        <pc:sldMkLst>
          <pc:docMk/>
          <pc:sldMk cId="2113485509" sldId="287"/>
        </pc:sldMkLst>
      </pc:sldChg>
      <pc:sldChg chg="modSp add del mod">
        <pc:chgData name="Matias Vázquez Piñón" userId="2f86a967-3c9c-4a39-b538-7e6c0574d83d" providerId="ADAL" clId="{B66F9EAA-205E-4280-88AD-8E45210EEBDB}" dt="2022-08-27T15:30:49.731" v="3444" actId="47"/>
        <pc:sldMkLst>
          <pc:docMk/>
          <pc:sldMk cId="233650889" sldId="288"/>
        </pc:sldMkLst>
        <pc:spChg chg="mod">
          <ac:chgData name="Matias Vázquez Piñón" userId="2f86a967-3c9c-4a39-b538-7e6c0574d83d" providerId="ADAL" clId="{B66F9EAA-205E-4280-88AD-8E45210EEBDB}" dt="2022-08-27T15:03:14.462" v="1564" actId="20577"/>
          <ac:spMkLst>
            <pc:docMk/>
            <pc:sldMk cId="233650889" sldId="288"/>
            <ac:spMk id="2" creationId="{4A3B34E9-790D-8D3B-F4FC-D25108D99ABA}"/>
          </ac:spMkLst>
        </pc:spChg>
        <pc:spChg chg="mod">
          <ac:chgData name="Matias Vázquez Piñón" userId="2f86a967-3c9c-4a39-b538-7e6c0574d83d" providerId="ADAL" clId="{B66F9EAA-205E-4280-88AD-8E45210EEBDB}" dt="2022-08-27T15:03:21.108" v="1576" actId="20577"/>
          <ac:spMkLst>
            <pc:docMk/>
            <pc:sldMk cId="233650889" sldId="288"/>
            <ac:spMk id="8" creationId="{DB0E95FD-CBA0-EBF7-662D-EA4EEFC540F6}"/>
          </ac:spMkLst>
        </pc:spChg>
        <pc:spChg chg="mod">
          <ac:chgData name="Matias Vázquez Piñón" userId="2f86a967-3c9c-4a39-b538-7e6c0574d83d" providerId="ADAL" clId="{B66F9EAA-205E-4280-88AD-8E45210EEBDB}" dt="2022-08-27T15:03:29.326" v="1600" actId="20577"/>
          <ac:spMkLst>
            <pc:docMk/>
            <pc:sldMk cId="233650889" sldId="288"/>
            <ac:spMk id="10" creationId="{F94096E2-7E11-88B3-E72D-84D78A704A8E}"/>
          </ac:spMkLst>
        </pc:spChg>
      </pc:sldChg>
      <pc:sldChg chg="del">
        <pc:chgData name="Matias Vázquez Piñón" userId="2f86a967-3c9c-4a39-b538-7e6c0574d83d" providerId="ADAL" clId="{B66F9EAA-205E-4280-88AD-8E45210EEBDB}" dt="2022-08-25T21:11:12.572" v="44" actId="47"/>
        <pc:sldMkLst>
          <pc:docMk/>
          <pc:sldMk cId="583678347" sldId="288"/>
        </pc:sldMkLst>
      </pc:sldChg>
      <pc:sldChg chg="new del">
        <pc:chgData name="Matias Vázquez Piñón" userId="2f86a967-3c9c-4a39-b538-7e6c0574d83d" providerId="ADAL" clId="{B66F9EAA-205E-4280-88AD-8E45210EEBDB}" dt="2022-08-27T13:35:10.334" v="695" actId="47"/>
        <pc:sldMkLst>
          <pc:docMk/>
          <pc:sldMk cId="3802560777" sldId="288"/>
        </pc:sldMkLst>
      </pc:sldChg>
      <pc:sldChg chg="del">
        <pc:chgData name="Matias Vázquez Piñón" userId="2f86a967-3c9c-4a39-b538-7e6c0574d83d" providerId="ADAL" clId="{B66F9EAA-205E-4280-88AD-8E45210EEBDB}" dt="2022-08-25T21:11:12.572" v="44" actId="47"/>
        <pc:sldMkLst>
          <pc:docMk/>
          <pc:sldMk cId="2261103467" sldId="289"/>
        </pc:sldMkLst>
      </pc:sldChg>
      <pc:sldChg chg="addSp delSp modSp new mod">
        <pc:chgData name="Matias Vázquez Piñón" userId="2f86a967-3c9c-4a39-b538-7e6c0574d83d" providerId="ADAL" clId="{B66F9EAA-205E-4280-88AD-8E45210EEBDB}" dt="2022-08-27T15:05:30.401" v="1654" actId="20577"/>
        <pc:sldMkLst>
          <pc:docMk/>
          <pc:sldMk cId="3182323920" sldId="289"/>
        </pc:sldMkLst>
        <pc:spChg chg="mod">
          <ac:chgData name="Matias Vázquez Piñón" userId="2f86a967-3c9c-4a39-b538-7e6c0574d83d" providerId="ADAL" clId="{B66F9EAA-205E-4280-88AD-8E45210EEBDB}" dt="2022-08-27T15:05:30.401" v="1654" actId="20577"/>
          <ac:spMkLst>
            <pc:docMk/>
            <pc:sldMk cId="3182323920" sldId="289"/>
            <ac:spMk id="2" creationId="{18FFC53D-E7E8-BD61-23B9-990A1E4FFC17}"/>
          </ac:spMkLst>
        </pc:spChg>
        <pc:spChg chg="del">
          <ac:chgData name="Matias Vázquez Piñón" userId="2f86a967-3c9c-4a39-b538-7e6c0574d83d" providerId="ADAL" clId="{B66F9EAA-205E-4280-88AD-8E45210EEBDB}" dt="2022-08-27T15:05:19.900" v="1604" actId="22"/>
          <ac:spMkLst>
            <pc:docMk/>
            <pc:sldMk cId="3182323920" sldId="289"/>
            <ac:spMk id="3" creationId="{0965D88A-8770-E2FD-B30E-1CA78FA41FA5}"/>
          </ac:spMkLst>
        </pc:spChg>
        <pc:picChg chg="add mod ord">
          <ac:chgData name="Matias Vázquez Piñón" userId="2f86a967-3c9c-4a39-b538-7e6c0574d83d" providerId="ADAL" clId="{B66F9EAA-205E-4280-88AD-8E45210EEBDB}" dt="2022-08-27T15:05:19.900" v="1604" actId="22"/>
          <ac:picMkLst>
            <pc:docMk/>
            <pc:sldMk cId="3182323920" sldId="289"/>
            <ac:picMk id="6" creationId="{84CDACE2-7E0D-F058-BA4B-3D260FD63217}"/>
          </ac:picMkLst>
        </pc:picChg>
      </pc:sldChg>
      <pc:sldChg chg="modSp new del mod">
        <pc:chgData name="Matias Vázquez Piñón" userId="2f86a967-3c9c-4a39-b538-7e6c0574d83d" providerId="ADAL" clId="{B66F9EAA-205E-4280-88AD-8E45210EEBDB}" dt="2022-08-27T16:00:50.943" v="3740" actId="47"/>
        <pc:sldMkLst>
          <pc:docMk/>
          <pc:sldMk cId="669780945" sldId="290"/>
        </pc:sldMkLst>
        <pc:spChg chg="mod">
          <ac:chgData name="Matias Vázquez Piñón" userId="2f86a967-3c9c-4a39-b538-7e6c0574d83d" providerId="ADAL" clId="{B66F9EAA-205E-4280-88AD-8E45210EEBDB}" dt="2022-08-27T15:12:31.810" v="1892" actId="20577"/>
          <ac:spMkLst>
            <pc:docMk/>
            <pc:sldMk cId="669780945" sldId="290"/>
            <ac:spMk id="2" creationId="{45E01822-90FE-1C27-7D19-155B04ED1FAC}"/>
          </ac:spMkLst>
        </pc:spChg>
        <pc:spChg chg="mod">
          <ac:chgData name="Matias Vázquez Piñón" userId="2f86a967-3c9c-4a39-b538-7e6c0574d83d" providerId="ADAL" clId="{B66F9EAA-205E-4280-88AD-8E45210EEBDB}" dt="2022-08-27T15:17:46.041" v="2391" actId="20577"/>
          <ac:spMkLst>
            <pc:docMk/>
            <pc:sldMk cId="669780945" sldId="290"/>
            <ac:spMk id="3" creationId="{BA7FF801-BDE2-E2BA-6266-9FCEDDBAFA70}"/>
          </ac:spMkLst>
        </pc:spChg>
      </pc:sldChg>
      <pc:sldChg chg="del">
        <pc:chgData name="Matias Vázquez Piñón" userId="2f86a967-3c9c-4a39-b538-7e6c0574d83d" providerId="ADAL" clId="{B66F9EAA-205E-4280-88AD-8E45210EEBDB}" dt="2022-08-25T21:11:12.572" v="44" actId="47"/>
        <pc:sldMkLst>
          <pc:docMk/>
          <pc:sldMk cId="743029601" sldId="290"/>
        </pc:sldMkLst>
      </pc:sldChg>
      <pc:sldChg chg="del">
        <pc:chgData name="Matias Vázquez Piñón" userId="2f86a967-3c9c-4a39-b538-7e6c0574d83d" providerId="ADAL" clId="{B66F9EAA-205E-4280-88AD-8E45210EEBDB}" dt="2022-08-25T21:11:12.572" v="44" actId="47"/>
        <pc:sldMkLst>
          <pc:docMk/>
          <pc:sldMk cId="78100160" sldId="291"/>
        </pc:sldMkLst>
      </pc:sldChg>
      <pc:sldChg chg="addSp modSp new del mod">
        <pc:chgData name="Matias Vázquez Piñón" userId="2f86a967-3c9c-4a39-b538-7e6c0574d83d" providerId="ADAL" clId="{B66F9EAA-205E-4280-88AD-8E45210EEBDB}" dt="2022-08-27T16:00:50.943" v="3740" actId="47"/>
        <pc:sldMkLst>
          <pc:docMk/>
          <pc:sldMk cId="3010840599" sldId="291"/>
        </pc:sldMkLst>
        <pc:spChg chg="mod">
          <ac:chgData name="Matias Vázquez Piñón" userId="2f86a967-3c9c-4a39-b538-7e6c0574d83d" providerId="ADAL" clId="{B66F9EAA-205E-4280-88AD-8E45210EEBDB}" dt="2022-08-27T15:18:40.417" v="2422" actId="20577"/>
          <ac:spMkLst>
            <pc:docMk/>
            <pc:sldMk cId="3010840599" sldId="291"/>
            <ac:spMk id="2" creationId="{6D1B290D-4543-1A3D-2231-CD283A3A58CF}"/>
          </ac:spMkLst>
        </pc:spChg>
        <pc:spChg chg="mod">
          <ac:chgData name="Matias Vázquez Piñón" userId="2f86a967-3c9c-4a39-b538-7e6c0574d83d" providerId="ADAL" clId="{B66F9EAA-205E-4280-88AD-8E45210EEBDB}" dt="2022-08-27T15:29:05.567" v="3436" actId="27636"/>
          <ac:spMkLst>
            <pc:docMk/>
            <pc:sldMk cId="3010840599" sldId="291"/>
            <ac:spMk id="3" creationId="{89E76F92-F792-ABF5-5814-7E68E0C5BFFF}"/>
          </ac:spMkLst>
        </pc:spChg>
        <pc:picChg chg="add mod">
          <ac:chgData name="Matias Vázquez Piñón" userId="2f86a967-3c9c-4a39-b538-7e6c0574d83d" providerId="ADAL" clId="{B66F9EAA-205E-4280-88AD-8E45210EEBDB}" dt="2022-08-27T15:29:18.017" v="3437" actId="1076"/>
          <ac:picMkLst>
            <pc:docMk/>
            <pc:sldMk cId="3010840599" sldId="291"/>
            <ac:picMk id="6" creationId="{552A5406-6415-C2DB-2944-66AD16CA866D}"/>
          </ac:picMkLst>
        </pc:picChg>
        <pc:picChg chg="add mod">
          <ac:chgData name="Matias Vázquez Piñón" userId="2f86a967-3c9c-4a39-b538-7e6c0574d83d" providerId="ADAL" clId="{B66F9EAA-205E-4280-88AD-8E45210EEBDB}" dt="2022-08-27T15:29:48.875" v="3442" actId="1076"/>
          <ac:picMkLst>
            <pc:docMk/>
            <pc:sldMk cId="3010840599" sldId="291"/>
            <ac:picMk id="8" creationId="{5465E4C1-C38D-D55E-1843-599463767906}"/>
          </ac:picMkLst>
        </pc:picChg>
      </pc:sldChg>
      <pc:sldChg chg="del">
        <pc:chgData name="Matias Vázquez Piñón" userId="2f86a967-3c9c-4a39-b538-7e6c0574d83d" providerId="ADAL" clId="{B66F9EAA-205E-4280-88AD-8E45210EEBDB}" dt="2022-08-25T21:11:12.572" v="44" actId="47"/>
        <pc:sldMkLst>
          <pc:docMk/>
          <pc:sldMk cId="2174901691" sldId="292"/>
        </pc:sldMkLst>
      </pc:sldChg>
      <pc:sldChg chg="modSp new del mod ord">
        <pc:chgData name="Matias Vázquez Piñón" userId="2f86a967-3c9c-4a39-b538-7e6c0574d83d" providerId="ADAL" clId="{B66F9EAA-205E-4280-88AD-8E45210EEBDB}" dt="2022-08-27T16:00:50.943" v="3740" actId="47"/>
        <pc:sldMkLst>
          <pc:docMk/>
          <pc:sldMk cId="2280207388" sldId="292"/>
        </pc:sldMkLst>
        <pc:spChg chg="mod">
          <ac:chgData name="Matias Vázquez Piñón" userId="2f86a967-3c9c-4a39-b538-7e6c0574d83d" providerId="ADAL" clId="{B66F9EAA-205E-4280-88AD-8E45210EEBDB}" dt="2022-08-27T15:31:29.722" v="3470" actId="20577"/>
          <ac:spMkLst>
            <pc:docMk/>
            <pc:sldMk cId="2280207388" sldId="292"/>
            <ac:spMk id="2" creationId="{EE199035-966B-4BC1-2B4B-72F8D4D372C5}"/>
          </ac:spMkLst>
        </pc:spChg>
        <pc:spChg chg="mod">
          <ac:chgData name="Matias Vázquez Piñón" userId="2f86a967-3c9c-4a39-b538-7e6c0574d83d" providerId="ADAL" clId="{B66F9EAA-205E-4280-88AD-8E45210EEBDB}" dt="2022-08-27T15:32:55.259" v="3635" actId="20577"/>
          <ac:spMkLst>
            <pc:docMk/>
            <pc:sldMk cId="2280207388" sldId="292"/>
            <ac:spMk id="3" creationId="{1E0C6A87-0101-4CAD-C768-7582DA345A41}"/>
          </ac:spMkLst>
        </pc:spChg>
      </pc:sldChg>
      <pc:sldChg chg="del">
        <pc:chgData name="Matias Vázquez Piñón" userId="2f86a967-3c9c-4a39-b538-7e6c0574d83d" providerId="ADAL" clId="{B66F9EAA-205E-4280-88AD-8E45210EEBDB}" dt="2022-08-25T21:11:12.572" v="44" actId="47"/>
        <pc:sldMkLst>
          <pc:docMk/>
          <pc:sldMk cId="458490763" sldId="293"/>
        </pc:sldMkLst>
      </pc:sldChg>
      <pc:sldChg chg="addSp delSp modSp new mod modClrScheme chgLayout">
        <pc:chgData name="Matias Vázquez Piñón" userId="2f86a967-3c9c-4a39-b538-7e6c0574d83d" providerId="ADAL" clId="{B66F9EAA-205E-4280-88AD-8E45210EEBDB}" dt="2022-08-27T15:54:13.199" v="3676" actId="700"/>
        <pc:sldMkLst>
          <pc:docMk/>
          <pc:sldMk cId="3631674483" sldId="293"/>
        </pc:sldMkLst>
        <pc:spChg chg="mod ord">
          <ac:chgData name="Matias Vázquez Piñón" userId="2f86a967-3c9c-4a39-b538-7e6c0574d83d" providerId="ADAL" clId="{B66F9EAA-205E-4280-88AD-8E45210EEBDB}" dt="2022-08-27T15:54:13.199" v="3676" actId="700"/>
          <ac:spMkLst>
            <pc:docMk/>
            <pc:sldMk cId="3631674483" sldId="293"/>
            <ac:spMk id="2" creationId="{B9096327-6D85-FA1D-AEBA-2C27C5F53A88}"/>
          </ac:spMkLst>
        </pc:spChg>
        <pc:spChg chg="del">
          <ac:chgData name="Matias Vázquez Piñón" userId="2f86a967-3c9c-4a39-b538-7e6c0574d83d" providerId="ADAL" clId="{B66F9EAA-205E-4280-88AD-8E45210EEBDB}" dt="2022-08-27T15:49:03.637" v="3640" actId="22"/>
          <ac:spMkLst>
            <pc:docMk/>
            <pc:sldMk cId="3631674483" sldId="293"/>
            <ac:spMk id="3" creationId="{24408A1F-9B7E-EDD9-1B04-386600EC0F53}"/>
          </ac:spMkLst>
        </pc:spChg>
        <pc:spChg chg="mod ord">
          <ac:chgData name="Matias Vázquez Piñón" userId="2f86a967-3c9c-4a39-b538-7e6c0574d83d" providerId="ADAL" clId="{B66F9EAA-205E-4280-88AD-8E45210EEBDB}" dt="2022-08-27T15:54:13.199" v="3676" actId="700"/>
          <ac:spMkLst>
            <pc:docMk/>
            <pc:sldMk cId="3631674483" sldId="293"/>
            <ac:spMk id="4" creationId="{5C7B60EF-0679-3357-B1E7-5C4EA75D2EF5}"/>
          </ac:spMkLst>
        </pc:spChg>
        <pc:spChg chg="add del mod ord">
          <ac:chgData name="Matias Vázquez Piñón" userId="2f86a967-3c9c-4a39-b538-7e6c0574d83d" providerId="ADAL" clId="{B66F9EAA-205E-4280-88AD-8E45210EEBDB}" dt="2022-08-27T15:49:31.051" v="3643" actId="22"/>
          <ac:spMkLst>
            <pc:docMk/>
            <pc:sldMk cId="3631674483" sldId="293"/>
            <ac:spMk id="7" creationId="{7758CB39-9B93-1794-46AC-B25E76D15AB6}"/>
          </ac:spMkLst>
        </pc:spChg>
        <pc:picChg chg="add mod ord">
          <ac:chgData name="Matias Vázquez Piñón" userId="2f86a967-3c9c-4a39-b538-7e6c0574d83d" providerId="ADAL" clId="{B66F9EAA-205E-4280-88AD-8E45210EEBDB}" dt="2022-08-27T15:54:13.199" v="3676" actId="700"/>
          <ac:picMkLst>
            <pc:docMk/>
            <pc:sldMk cId="3631674483" sldId="293"/>
            <ac:picMk id="6" creationId="{2EB56071-B913-5972-1505-F606B7F5B933}"/>
          </ac:picMkLst>
        </pc:picChg>
        <pc:picChg chg="add mod ord">
          <ac:chgData name="Matias Vázquez Piñón" userId="2f86a967-3c9c-4a39-b538-7e6c0574d83d" providerId="ADAL" clId="{B66F9EAA-205E-4280-88AD-8E45210EEBDB}" dt="2022-08-27T15:54:13.199" v="3676" actId="700"/>
          <ac:picMkLst>
            <pc:docMk/>
            <pc:sldMk cId="3631674483" sldId="293"/>
            <ac:picMk id="9" creationId="{3A8DC5F8-BC3C-8A83-B359-FB8A6EAEB609}"/>
          </ac:picMkLst>
        </pc:picChg>
      </pc:sldChg>
      <pc:sldChg chg="addSp delSp modSp new mod">
        <pc:chgData name="Matias Vázquez Piñón" userId="2f86a967-3c9c-4a39-b538-7e6c0574d83d" providerId="ADAL" clId="{B66F9EAA-205E-4280-88AD-8E45210EEBDB}" dt="2022-08-27T15:55:15.670" v="3697" actId="22"/>
        <pc:sldMkLst>
          <pc:docMk/>
          <pc:sldMk cId="1206942906" sldId="294"/>
        </pc:sldMkLst>
        <pc:spChg chg="mod">
          <ac:chgData name="Matias Vázquez Piñón" userId="2f86a967-3c9c-4a39-b538-7e6c0574d83d" providerId="ADAL" clId="{B66F9EAA-205E-4280-88AD-8E45210EEBDB}" dt="2022-08-27T15:54:24.304" v="3695" actId="20577"/>
          <ac:spMkLst>
            <pc:docMk/>
            <pc:sldMk cId="1206942906" sldId="294"/>
            <ac:spMk id="2" creationId="{E537187E-B124-3018-D262-6DC31767708A}"/>
          </ac:spMkLst>
        </pc:spChg>
        <pc:spChg chg="del">
          <ac:chgData name="Matias Vázquez Piñón" userId="2f86a967-3c9c-4a39-b538-7e6c0574d83d" providerId="ADAL" clId="{B66F9EAA-205E-4280-88AD-8E45210EEBDB}" dt="2022-08-27T15:54:42.660" v="3696" actId="22"/>
          <ac:spMkLst>
            <pc:docMk/>
            <pc:sldMk cId="1206942906" sldId="294"/>
            <ac:spMk id="3" creationId="{68F954D4-4C15-B59F-BC7E-D2F2D21C4986}"/>
          </ac:spMkLst>
        </pc:spChg>
        <pc:spChg chg="del">
          <ac:chgData name="Matias Vázquez Piñón" userId="2f86a967-3c9c-4a39-b538-7e6c0574d83d" providerId="ADAL" clId="{B66F9EAA-205E-4280-88AD-8E45210EEBDB}" dt="2022-08-27T15:55:15.670" v="3697" actId="22"/>
          <ac:spMkLst>
            <pc:docMk/>
            <pc:sldMk cId="1206942906" sldId="294"/>
            <ac:spMk id="4" creationId="{5F3CE5B7-2A5F-7E4C-CB17-1524C6978401}"/>
          </ac:spMkLst>
        </pc:spChg>
        <pc:picChg chg="add mod ord">
          <ac:chgData name="Matias Vázquez Piñón" userId="2f86a967-3c9c-4a39-b538-7e6c0574d83d" providerId="ADAL" clId="{B66F9EAA-205E-4280-88AD-8E45210EEBDB}" dt="2022-08-27T15:54:42.660" v="3696" actId="22"/>
          <ac:picMkLst>
            <pc:docMk/>
            <pc:sldMk cId="1206942906" sldId="294"/>
            <ac:picMk id="7" creationId="{3FC9E7CA-43FB-3B6E-7B2A-6BE2E206971B}"/>
          </ac:picMkLst>
        </pc:picChg>
        <pc:picChg chg="add mod ord">
          <ac:chgData name="Matias Vázquez Piñón" userId="2f86a967-3c9c-4a39-b538-7e6c0574d83d" providerId="ADAL" clId="{B66F9EAA-205E-4280-88AD-8E45210EEBDB}" dt="2022-08-27T15:55:15.670" v="3697" actId="22"/>
          <ac:picMkLst>
            <pc:docMk/>
            <pc:sldMk cId="1206942906" sldId="294"/>
            <ac:picMk id="9" creationId="{41700865-6D81-1AA7-9EBE-E35157AAFE45}"/>
          </ac:picMkLst>
        </pc:picChg>
      </pc:sldChg>
      <pc:sldChg chg="del">
        <pc:chgData name="Matias Vázquez Piñón" userId="2f86a967-3c9c-4a39-b538-7e6c0574d83d" providerId="ADAL" clId="{B66F9EAA-205E-4280-88AD-8E45210EEBDB}" dt="2022-08-25T21:11:12.572" v="44" actId="47"/>
        <pc:sldMkLst>
          <pc:docMk/>
          <pc:sldMk cId="1977261174" sldId="294"/>
        </pc:sldMkLst>
      </pc:sldChg>
      <pc:sldChg chg="del">
        <pc:chgData name="Matias Vázquez Piñón" userId="2f86a967-3c9c-4a39-b538-7e6c0574d83d" providerId="ADAL" clId="{B66F9EAA-205E-4280-88AD-8E45210EEBDB}" dt="2022-08-25T21:11:12.572" v="44" actId="47"/>
        <pc:sldMkLst>
          <pc:docMk/>
          <pc:sldMk cId="2473330086" sldId="295"/>
        </pc:sldMkLst>
      </pc:sldChg>
      <pc:sldChg chg="addSp delSp modSp new mod">
        <pc:chgData name="Matias Vázquez Piñón" userId="2f86a967-3c9c-4a39-b538-7e6c0574d83d" providerId="ADAL" clId="{B66F9EAA-205E-4280-88AD-8E45210EEBDB}" dt="2022-08-27T15:57:10.273" v="3721" actId="20577"/>
        <pc:sldMkLst>
          <pc:docMk/>
          <pc:sldMk cId="3498450437" sldId="295"/>
        </pc:sldMkLst>
        <pc:spChg chg="mod">
          <ac:chgData name="Matias Vázquez Piñón" userId="2f86a967-3c9c-4a39-b538-7e6c0574d83d" providerId="ADAL" clId="{B66F9EAA-205E-4280-88AD-8E45210EEBDB}" dt="2022-08-27T15:57:10.273" v="3721" actId="20577"/>
          <ac:spMkLst>
            <pc:docMk/>
            <pc:sldMk cId="3498450437" sldId="295"/>
            <ac:spMk id="2" creationId="{DD567AE6-BFDB-A9A0-1E6B-FFA29F72613D}"/>
          </ac:spMkLst>
        </pc:spChg>
        <pc:spChg chg="del">
          <ac:chgData name="Matias Vázquez Piñón" userId="2f86a967-3c9c-4a39-b538-7e6c0574d83d" providerId="ADAL" clId="{B66F9EAA-205E-4280-88AD-8E45210EEBDB}" dt="2022-08-27T15:55:45.772" v="3699" actId="22"/>
          <ac:spMkLst>
            <pc:docMk/>
            <pc:sldMk cId="3498450437" sldId="295"/>
            <ac:spMk id="3" creationId="{2D5DD51D-DB37-E6F9-9147-56E1C863B948}"/>
          </ac:spMkLst>
        </pc:spChg>
        <pc:spChg chg="del">
          <ac:chgData name="Matias Vázquez Piñón" userId="2f86a967-3c9c-4a39-b538-7e6c0574d83d" providerId="ADAL" clId="{B66F9EAA-205E-4280-88AD-8E45210EEBDB}" dt="2022-08-27T15:56:02.650" v="3700" actId="22"/>
          <ac:spMkLst>
            <pc:docMk/>
            <pc:sldMk cId="3498450437" sldId="295"/>
            <ac:spMk id="4" creationId="{AD52B62D-6E21-4415-0C8B-E1A69EADE5C2}"/>
          </ac:spMkLst>
        </pc:spChg>
        <pc:picChg chg="add mod ord">
          <ac:chgData name="Matias Vázquez Piñón" userId="2f86a967-3c9c-4a39-b538-7e6c0574d83d" providerId="ADAL" clId="{B66F9EAA-205E-4280-88AD-8E45210EEBDB}" dt="2022-08-27T15:55:45.772" v="3699" actId="22"/>
          <ac:picMkLst>
            <pc:docMk/>
            <pc:sldMk cId="3498450437" sldId="295"/>
            <ac:picMk id="7" creationId="{82E7C67F-DC75-6F3C-DB21-CE30BFC9E4FC}"/>
          </ac:picMkLst>
        </pc:picChg>
        <pc:picChg chg="add mod ord">
          <ac:chgData name="Matias Vázquez Piñón" userId="2f86a967-3c9c-4a39-b538-7e6c0574d83d" providerId="ADAL" clId="{B66F9EAA-205E-4280-88AD-8E45210EEBDB}" dt="2022-08-27T15:56:02.650" v="3700" actId="22"/>
          <ac:picMkLst>
            <pc:docMk/>
            <pc:sldMk cId="3498450437" sldId="295"/>
            <ac:picMk id="9" creationId="{D2AC5AAA-0790-E9F0-33B1-B500C275A0CD}"/>
          </ac:picMkLst>
        </pc:picChg>
      </pc:sldChg>
      <pc:sldChg chg="addSp delSp modSp new mod">
        <pc:chgData name="Matias Vázquez Piñón" userId="2f86a967-3c9c-4a39-b538-7e6c0574d83d" providerId="ADAL" clId="{B66F9EAA-205E-4280-88AD-8E45210EEBDB}" dt="2022-08-27T15:57:15.423" v="3739" actId="20577"/>
        <pc:sldMkLst>
          <pc:docMk/>
          <pc:sldMk cId="1241804378" sldId="296"/>
        </pc:sldMkLst>
        <pc:spChg chg="mod">
          <ac:chgData name="Matias Vázquez Piñón" userId="2f86a967-3c9c-4a39-b538-7e6c0574d83d" providerId="ADAL" clId="{B66F9EAA-205E-4280-88AD-8E45210EEBDB}" dt="2022-08-27T15:57:15.423" v="3739" actId="20577"/>
          <ac:spMkLst>
            <pc:docMk/>
            <pc:sldMk cId="1241804378" sldId="296"/>
            <ac:spMk id="2" creationId="{0BC01239-DFC7-FC0A-D795-8DEC990127AD}"/>
          </ac:spMkLst>
        </pc:spChg>
        <pc:spChg chg="del">
          <ac:chgData name="Matias Vázquez Piñón" userId="2f86a967-3c9c-4a39-b538-7e6c0574d83d" providerId="ADAL" clId="{B66F9EAA-205E-4280-88AD-8E45210EEBDB}" dt="2022-08-27T15:56:23.285" v="3702" actId="22"/>
          <ac:spMkLst>
            <pc:docMk/>
            <pc:sldMk cId="1241804378" sldId="296"/>
            <ac:spMk id="3" creationId="{179D8892-F202-2CEB-1C66-333F1482AA9A}"/>
          </ac:spMkLst>
        </pc:spChg>
        <pc:spChg chg="del">
          <ac:chgData name="Matias Vázquez Piñón" userId="2f86a967-3c9c-4a39-b538-7e6c0574d83d" providerId="ADAL" clId="{B66F9EAA-205E-4280-88AD-8E45210EEBDB}" dt="2022-08-27T15:56:41.780" v="3703" actId="22"/>
          <ac:spMkLst>
            <pc:docMk/>
            <pc:sldMk cId="1241804378" sldId="296"/>
            <ac:spMk id="4" creationId="{3D42AB64-12C3-B9D3-6F86-E0EFF30C46F4}"/>
          </ac:spMkLst>
        </pc:spChg>
        <pc:picChg chg="add mod ord">
          <ac:chgData name="Matias Vázquez Piñón" userId="2f86a967-3c9c-4a39-b538-7e6c0574d83d" providerId="ADAL" clId="{B66F9EAA-205E-4280-88AD-8E45210EEBDB}" dt="2022-08-27T15:56:23.285" v="3702" actId="22"/>
          <ac:picMkLst>
            <pc:docMk/>
            <pc:sldMk cId="1241804378" sldId="296"/>
            <ac:picMk id="7" creationId="{1B7C723E-2133-FB35-ADFA-056E8CDFAF96}"/>
          </ac:picMkLst>
        </pc:picChg>
        <pc:picChg chg="add mod ord">
          <ac:chgData name="Matias Vázquez Piñón" userId="2f86a967-3c9c-4a39-b538-7e6c0574d83d" providerId="ADAL" clId="{B66F9EAA-205E-4280-88AD-8E45210EEBDB}" dt="2022-08-27T15:56:41.780" v="3703" actId="22"/>
          <ac:picMkLst>
            <pc:docMk/>
            <pc:sldMk cId="1241804378" sldId="296"/>
            <ac:picMk id="9" creationId="{D913ED26-44BE-F770-A515-577B4DCAB0CE}"/>
          </ac:picMkLst>
        </pc:picChg>
      </pc:sldChg>
      <pc:sldChg chg="del">
        <pc:chgData name="Matias Vázquez Piñón" userId="2f86a967-3c9c-4a39-b538-7e6c0574d83d" providerId="ADAL" clId="{B66F9EAA-205E-4280-88AD-8E45210EEBDB}" dt="2022-08-25T21:11:12.572" v="44" actId="47"/>
        <pc:sldMkLst>
          <pc:docMk/>
          <pc:sldMk cId="2684454245" sldId="297"/>
        </pc:sldMkLst>
      </pc:sldChg>
      <pc:sldChg chg="del">
        <pc:chgData name="Matias Vázquez Piñón" userId="2f86a967-3c9c-4a39-b538-7e6c0574d83d" providerId="ADAL" clId="{B66F9EAA-205E-4280-88AD-8E45210EEBDB}" dt="2022-08-25T21:11:12.572" v="44" actId="47"/>
        <pc:sldMkLst>
          <pc:docMk/>
          <pc:sldMk cId="1509932029" sldId="298"/>
        </pc:sldMkLst>
      </pc:sldChg>
      <pc:sldChg chg="del">
        <pc:chgData name="Matias Vázquez Piñón" userId="2f86a967-3c9c-4a39-b538-7e6c0574d83d" providerId="ADAL" clId="{B66F9EAA-205E-4280-88AD-8E45210EEBDB}" dt="2022-08-25T21:11:12.572" v="44" actId="47"/>
        <pc:sldMkLst>
          <pc:docMk/>
          <pc:sldMk cId="2756905196" sldId="299"/>
        </pc:sldMkLst>
      </pc:sldChg>
      <pc:sldChg chg="del">
        <pc:chgData name="Matias Vázquez Piñón" userId="2f86a967-3c9c-4a39-b538-7e6c0574d83d" providerId="ADAL" clId="{B66F9EAA-205E-4280-88AD-8E45210EEBDB}" dt="2022-08-25T21:11:12.572" v="44" actId="47"/>
        <pc:sldMkLst>
          <pc:docMk/>
          <pc:sldMk cId="1883341490" sldId="300"/>
        </pc:sldMkLst>
      </pc:sldChg>
      <pc:sldChg chg="del">
        <pc:chgData name="Matias Vázquez Piñón" userId="2f86a967-3c9c-4a39-b538-7e6c0574d83d" providerId="ADAL" clId="{B66F9EAA-205E-4280-88AD-8E45210EEBDB}" dt="2022-08-25T21:11:12.572" v="44" actId="47"/>
        <pc:sldMkLst>
          <pc:docMk/>
          <pc:sldMk cId="2968579628" sldId="301"/>
        </pc:sldMkLst>
      </pc:sldChg>
      <pc:sldChg chg="del">
        <pc:chgData name="Matias Vázquez Piñón" userId="2f86a967-3c9c-4a39-b538-7e6c0574d83d" providerId="ADAL" clId="{B66F9EAA-205E-4280-88AD-8E45210EEBDB}" dt="2022-08-25T21:11:12.572" v="44" actId="47"/>
        <pc:sldMkLst>
          <pc:docMk/>
          <pc:sldMk cId="347237951" sldId="302"/>
        </pc:sldMkLst>
      </pc:sldChg>
      <pc:sldChg chg="del">
        <pc:chgData name="Matias Vázquez Piñón" userId="2f86a967-3c9c-4a39-b538-7e6c0574d83d" providerId="ADAL" clId="{B66F9EAA-205E-4280-88AD-8E45210EEBDB}" dt="2022-08-25T21:11:12.572" v="44" actId="47"/>
        <pc:sldMkLst>
          <pc:docMk/>
          <pc:sldMk cId="2762977252" sldId="303"/>
        </pc:sldMkLst>
      </pc:sldChg>
      <pc:sldChg chg="del">
        <pc:chgData name="Matias Vázquez Piñón" userId="2f86a967-3c9c-4a39-b538-7e6c0574d83d" providerId="ADAL" clId="{B66F9EAA-205E-4280-88AD-8E45210EEBDB}" dt="2022-08-25T21:11:12.572" v="44" actId="47"/>
        <pc:sldMkLst>
          <pc:docMk/>
          <pc:sldMk cId="2583010504" sldId="304"/>
        </pc:sldMkLst>
      </pc:sldChg>
      <pc:sldChg chg="del">
        <pc:chgData name="Matias Vázquez Piñón" userId="2f86a967-3c9c-4a39-b538-7e6c0574d83d" providerId="ADAL" clId="{B66F9EAA-205E-4280-88AD-8E45210EEBDB}" dt="2022-08-25T21:11:12.572" v="44" actId="47"/>
        <pc:sldMkLst>
          <pc:docMk/>
          <pc:sldMk cId="2738140422" sldId="305"/>
        </pc:sldMkLst>
      </pc:sldChg>
      <pc:sldChg chg="del">
        <pc:chgData name="Matias Vázquez Piñón" userId="2f86a967-3c9c-4a39-b538-7e6c0574d83d" providerId="ADAL" clId="{B66F9EAA-205E-4280-88AD-8E45210EEBDB}" dt="2022-08-25T21:11:12.572" v="44" actId="47"/>
        <pc:sldMkLst>
          <pc:docMk/>
          <pc:sldMk cId="4026152409" sldId="306"/>
        </pc:sldMkLst>
      </pc:sldChg>
      <pc:sldChg chg="del">
        <pc:chgData name="Matias Vázquez Piñón" userId="2f86a967-3c9c-4a39-b538-7e6c0574d83d" providerId="ADAL" clId="{B66F9EAA-205E-4280-88AD-8E45210EEBDB}" dt="2022-08-25T21:11:12.572" v="44" actId="47"/>
        <pc:sldMkLst>
          <pc:docMk/>
          <pc:sldMk cId="125475162" sldId="307"/>
        </pc:sldMkLst>
      </pc:sldChg>
      <pc:sldChg chg="del">
        <pc:chgData name="Matias Vázquez Piñón" userId="2f86a967-3c9c-4a39-b538-7e6c0574d83d" providerId="ADAL" clId="{B66F9EAA-205E-4280-88AD-8E45210EEBDB}" dt="2022-08-25T21:11:12.572" v="44" actId="47"/>
        <pc:sldMkLst>
          <pc:docMk/>
          <pc:sldMk cId="604320469" sldId="308"/>
        </pc:sldMkLst>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0_2">
  <dgm:title val=""/>
  <dgm:desc val=""/>
  <dgm:catLst>
    <dgm:cat type="mainScheme" pri="10200"/>
  </dgm:catLst>
  <dgm:styleLbl name="node0">
    <dgm:fillClrLst meth="repeat">
      <a:schemeClr val="lt1"/>
    </dgm:fillClrLst>
    <dgm:linClrLst meth="repeat">
      <a:schemeClr val="dk2">
        <a:shade val="80000"/>
      </a:schemeClr>
    </dgm:linClrLst>
    <dgm:effectClrLst/>
    <dgm:txLinClrLst/>
    <dgm:txFillClrLst meth="repeat">
      <a:schemeClr val="dk2"/>
    </dgm:txFillClrLst>
    <dgm:txEffectClrLst/>
  </dgm:styleLbl>
  <dgm:styleLbl name="node1">
    <dgm:fillClrLst meth="repeat">
      <a:schemeClr val="lt1"/>
    </dgm:fillClrLst>
    <dgm:linClrLst meth="repeat">
      <a:schemeClr val="dk2">
        <a:shade val="80000"/>
      </a:schemeClr>
    </dgm:linClrLst>
    <dgm:effectClrLst/>
    <dgm:txLinClrLst/>
    <dgm:txFillClrLst meth="repeat">
      <a:schemeClr val="dk2"/>
    </dgm:txFillClrLst>
    <dgm:txEffectClrLst/>
  </dgm:styleLbl>
  <dgm:styleLbl name="alignNode1">
    <dgm:fillClrLst meth="repeat">
      <a:schemeClr val="lt1"/>
    </dgm:fillClrLst>
    <dgm:linClrLst meth="repeat">
      <a:schemeClr val="dk2">
        <a:shade val="80000"/>
      </a:schemeClr>
    </dgm:linClrLst>
    <dgm:effectClrLst/>
    <dgm:txLinClrLst/>
    <dgm:txFillClrLst meth="repeat">
      <a:schemeClr val="dk2"/>
    </dgm:txFillClrLst>
    <dgm:txEffectClrLst/>
  </dgm:styleLbl>
  <dgm:styleLbl name="lnNode1">
    <dgm:fillClrLst meth="repeat">
      <a:schemeClr val="lt1"/>
    </dgm:fillClrLst>
    <dgm:linClrLst meth="repeat">
      <a:schemeClr val="dk2">
        <a:shade val="80000"/>
      </a:schemeClr>
    </dgm:linClrLst>
    <dgm:effectClrLst/>
    <dgm:txLinClrLst/>
    <dgm:txFillClrLst meth="repeat">
      <a:schemeClr val="dk2"/>
    </dgm:txFillClrLst>
    <dgm:txEffectClrLst/>
  </dgm:styleLbl>
  <dgm:styleLbl name="vennNode1">
    <dgm:fillClrLst meth="repeat">
      <a:schemeClr val="lt1">
        <a:alpha val="50000"/>
      </a:schemeClr>
    </dgm:fillClrLst>
    <dgm:linClrLst meth="repeat">
      <a:schemeClr val="dk2">
        <a:shade val="80000"/>
      </a:schemeClr>
    </dgm:linClrLst>
    <dgm:effectClrLst/>
    <dgm:txLinClrLst/>
    <dgm:txFillClrLst/>
    <dgm:txEffectClrLst/>
  </dgm:styleLbl>
  <dgm:styleLbl name="node2">
    <dgm:fillClrLst meth="repeat">
      <a:schemeClr val="lt1"/>
    </dgm:fillClrLst>
    <dgm:linClrLst meth="repeat">
      <a:schemeClr val="dk2">
        <a:shade val="80000"/>
      </a:schemeClr>
    </dgm:linClrLst>
    <dgm:effectClrLst/>
    <dgm:txLinClrLst/>
    <dgm:txFillClrLst meth="repeat">
      <a:schemeClr val="dk2"/>
    </dgm:txFillClrLst>
    <dgm:txEffectClrLst/>
  </dgm:styleLbl>
  <dgm:styleLbl name="node3">
    <dgm:fillClrLst meth="repeat">
      <a:schemeClr val="lt1"/>
    </dgm:fillClrLst>
    <dgm:linClrLst meth="repeat">
      <a:schemeClr val="dk2">
        <a:shade val="80000"/>
      </a:schemeClr>
    </dgm:linClrLst>
    <dgm:effectClrLst/>
    <dgm:txLinClrLst/>
    <dgm:txFillClrLst meth="repeat">
      <a:schemeClr val="dk2"/>
    </dgm:txFillClrLst>
    <dgm:txEffectClrLst/>
  </dgm:styleLbl>
  <dgm:styleLbl name="node4">
    <dgm:fillClrLst meth="repeat">
      <a:schemeClr val="lt1"/>
    </dgm:fillClrLst>
    <dgm:linClrLst meth="repeat">
      <a:schemeClr val="dk2">
        <a:shade val="80000"/>
      </a:schemeClr>
    </dgm:linClrLst>
    <dgm:effectClrLst/>
    <dgm:txLinClrLst/>
    <dgm:txFillClrLst meth="repeat">
      <a:schemeClr val="dk2"/>
    </dgm:txFillClrLst>
    <dgm:txEffectClrLst/>
  </dgm:styleLbl>
  <dgm:styleLbl name="fgImgPlace1">
    <dgm:fillClrLst meth="repeat">
      <a:schemeClr val="dk2">
        <a:tint val="40000"/>
      </a:schemeClr>
    </dgm:fillClrLst>
    <dgm:linClrLst meth="repeat">
      <a:schemeClr val="dk2">
        <a:shade val="80000"/>
      </a:schemeClr>
    </dgm:linClrLst>
    <dgm:effectClrLst/>
    <dgm:txLinClrLst/>
    <dgm:txFillClrLst meth="repeat">
      <a:schemeClr val="lt1"/>
    </dgm:txFillClrLst>
    <dgm:txEffectClrLst/>
  </dgm:styleLbl>
  <dgm:styleLbl name="alignImgPlace1">
    <dgm:fillClrLst meth="repeat">
      <a:schemeClr val="dk2">
        <a:tint val="40000"/>
      </a:schemeClr>
    </dgm:fillClrLst>
    <dgm:linClrLst meth="repeat">
      <a:schemeClr val="dk2">
        <a:shade val="80000"/>
      </a:schemeClr>
    </dgm:linClrLst>
    <dgm:effectClrLst/>
    <dgm:txLinClrLst/>
    <dgm:txFillClrLst meth="repeat">
      <a:schemeClr val="lt1"/>
    </dgm:txFillClrLst>
    <dgm:txEffectClrLst/>
  </dgm:styleLbl>
  <dgm:styleLbl name="bgImgPlace1">
    <dgm:fillClrLst meth="repeat">
      <a:schemeClr val="dk2">
        <a:tint val="40000"/>
      </a:schemeClr>
    </dgm:fillClrLst>
    <dgm:linClrLst meth="repeat">
      <a:schemeClr val="dk2">
        <a:shade val="80000"/>
      </a:schemeClr>
    </dgm:linClrLst>
    <dgm:effectClrLst/>
    <dgm:txLinClrLst/>
    <dgm:txFillClrLst meth="repeat">
      <a:schemeClr val="lt1"/>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meth="repeat">
      <a:schemeClr val="dk2"/>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meth="repeat">
      <a:schemeClr val="dk2"/>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meth="repeat">
      <a:schemeClr val="dk2"/>
    </dgm:txFillClrLst>
    <dgm:txEffectClrLst/>
  </dgm:styleLbl>
  <dgm:styleLbl name="sibTrans1D1">
    <dgm:fillClrLst meth="repeat">
      <a:schemeClr val="dk2"/>
    </dgm:fillClrLst>
    <dgm:linClrLst meth="repeat">
      <a:schemeClr val="dk2"/>
    </dgm:linClrLst>
    <dgm:effectClrLst/>
    <dgm:txLinClrLst/>
    <dgm:txFillClrLst meth="repeat">
      <a:schemeClr val="tx1"/>
    </dgm:txFillClrLst>
    <dgm:txEffectClrLst/>
  </dgm:styleLbl>
  <dgm:styleLbl name="callout">
    <dgm:fillClrLst meth="repeat">
      <a:schemeClr val="dk2"/>
    </dgm:fillClrLst>
    <dgm:linClrLst meth="repeat">
      <a:schemeClr val="dk2"/>
    </dgm:linClrLst>
    <dgm:effectClrLst/>
    <dgm:txLinClrLst/>
    <dgm:txFillClrLst meth="repeat">
      <a:schemeClr val="tx1"/>
    </dgm:txFillClrLst>
    <dgm:txEffectClrLst/>
  </dgm:styleLbl>
  <dgm:styleLbl name="asst0">
    <dgm:fillClrLst meth="repeat">
      <a:schemeClr val="lt1"/>
    </dgm:fillClrLst>
    <dgm:linClrLst meth="repeat">
      <a:schemeClr val="dk2">
        <a:shade val="80000"/>
      </a:schemeClr>
    </dgm:linClrLst>
    <dgm:effectClrLst/>
    <dgm:txLinClrLst/>
    <dgm:txFillClrLst meth="repeat">
      <a:schemeClr val="dk2"/>
    </dgm:txFillClrLst>
    <dgm:txEffectClrLst/>
  </dgm:styleLbl>
  <dgm:styleLbl name="asst1">
    <dgm:fillClrLst meth="repeat">
      <a:schemeClr val="lt1"/>
    </dgm:fillClrLst>
    <dgm:linClrLst meth="repeat">
      <a:schemeClr val="dk2">
        <a:shade val="80000"/>
      </a:schemeClr>
    </dgm:linClrLst>
    <dgm:effectClrLst/>
    <dgm:txLinClrLst/>
    <dgm:txFillClrLst meth="repeat">
      <a:schemeClr val="dk2"/>
    </dgm:txFillClrLst>
    <dgm:txEffectClrLst/>
  </dgm:styleLbl>
  <dgm:styleLbl name="asst2">
    <dgm:fillClrLst meth="repeat">
      <a:schemeClr val="lt1"/>
    </dgm:fillClrLst>
    <dgm:linClrLst meth="repeat">
      <a:schemeClr val="dk2">
        <a:shade val="80000"/>
      </a:schemeClr>
    </dgm:linClrLst>
    <dgm:effectClrLst/>
    <dgm:txLinClrLst/>
    <dgm:txFillClrLst meth="repeat">
      <a:schemeClr val="dk2"/>
    </dgm:txFillClrLst>
    <dgm:txEffectClrLst/>
  </dgm:styleLbl>
  <dgm:styleLbl name="asst3">
    <dgm:fillClrLst meth="repeat">
      <a:schemeClr val="lt1"/>
    </dgm:fillClrLst>
    <dgm:linClrLst meth="repeat">
      <a:schemeClr val="dk2">
        <a:shade val="80000"/>
      </a:schemeClr>
    </dgm:linClrLst>
    <dgm:effectClrLst/>
    <dgm:txLinClrLst/>
    <dgm:txFillClrLst meth="repeat">
      <a:schemeClr val="dk2"/>
    </dgm:txFillClrLst>
    <dgm:txEffectClrLst/>
  </dgm:styleLbl>
  <dgm:styleLbl name="asst4">
    <dgm:fillClrLst meth="repeat">
      <a:schemeClr val="lt1"/>
    </dgm:fillClrLst>
    <dgm:linClrLst meth="repeat">
      <a:schemeClr val="dk2">
        <a:shade val="80000"/>
      </a:schemeClr>
    </dgm:linClrLst>
    <dgm:effectClrLst/>
    <dgm:txLinClrLst/>
    <dgm:txFillClrLst meth="repeat">
      <a:schemeClr val="dk2"/>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dgm:txEffectClrLst/>
  </dgm:styleLbl>
  <dgm:styleLbl name="parChTrans2D2">
    <dgm:fillClrLst meth="repeat">
      <a:schemeClr val="dk2"/>
    </dgm:fillClrLst>
    <dgm:linClrLst meth="repeat">
      <a:schemeClr val="dk2"/>
    </dgm:linClrLst>
    <dgm:effectClrLst/>
    <dgm:txLinClrLst/>
    <dgm:txFillClrLst/>
    <dgm:txEffectClrLst/>
  </dgm:styleLbl>
  <dgm:styleLbl name="parChTrans2D3">
    <dgm:fillClrLst meth="repeat">
      <a:schemeClr val="dk2"/>
    </dgm:fillClrLst>
    <dgm:linClrLst meth="repeat">
      <a:schemeClr val="dk2"/>
    </dgm:linClrLst>
    <dgm:effectClrLst/>
    <dgm:txLinClrLst/>
    <dgm:txFillClrLst/>
    <dgm:txEffectClrLst/>
  </dgm:styleLbl>
  <dgm:styleLbl name="parChTrans2D4">
    <dgm:fillClrLst meth="repeat">
      <a:schemeClr val="dk2"/>
    </dgm:fillClrLst>
    <dgm:linClrLst meth="repeat">
      <a:schemeClr val="dk2"/>
    </dgm:linClrLst>
    <dgm:effectClrLst/>
    <dgm:txLinClrLst/>
    <dgm:txFillClrLst meth="repeat">
      <a:schemeClr val="lt1"/>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conFgAcc1">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alignAcc1">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trAlignAcc1">
    <dgm:fillClrLst meth="repeat">
      <a:schemeClr val="dk2">
        <a:alpha val="40000"/>
        <a:tint val="40000"/>
      </a:schemeClr>
    </dgm:fillClrLst>
    <dgm:linClrLst meth="repeat">
      <a:schemeClr val="dk2"/>
    </dgm:linClrLst>
    <dgm:effectClrLst/>
    <dgm:txLinClrLst/>
    <dgm:txFillClrLst meth="repeat">
      <a:schemeClr val="dk2"/>
    </dgm:txFillClrLst>
    <dgm:txEffectClrLst/>
  </dgm:styleLbl>
  <dgm:styleLbl name="bgAcc1">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solidFgAcc1">
    <dgm:fillClrLst meth="repeat">
      <a:schemeClr val="lt1"/>
    </dgm:fillClrLst>
    <dgm:linClrLst meth="repeat">
      <a:schemeClr val="dk2"/>
    </dgm:linClrLst>
    <dgm:effectClrLst/>
    <dgm:txLinClrLst/>
    <dgm:txFillClrLst meth="repeat">
      <a:schemeClr val="dk2"/>
    </dgm:txFillClrLst>
    <dgm:txEffectClrLst/>
  </dgm:styleLbl>
  <dgm:styleLbl name="solidAlignAcc1">
    <dgm:fillClrLst meth="repeat">
      <a:schemeClr val="lt1"/>
    </dgm:fillClrLst>
    <dgm:linClrLst meth="repeat">
      <a:schemeClr val="dk2"/>
    </dgm:linClrLst>
    <dgm:effectClrLst/>
    <dgm:txLinClrLst/>
    <dgm:txFillClrLst meth="repeat">
      <a:schemeClr val="dk2"/>
    </dgm:txFillClrLst>
    <dgm:txEffectClrLst/>
  </dgm:styleLbl>
  <dgm:styleLbl name="solidBgAcc1">
    <dgm:fillClrLst meth="repeat">
      <a:schemeClr val="lt1"/>
    </dgm:fillClrLst>
    <dgm:linClrLst meth="repeat">
      <a:schemeClr val="dk2"/>
    </dgm:linClrLst>
    <dgm:effectClrLst/>
    <dgm:txLinClrLst/>
    <dgm:txFillClrLst meth="repeat">
      <a:schemeClr val="dk2"/>
    </dgm:txFillClrLst>
    <dgm:txEffectClrLst/>
  </dgm:styleLbl>
  <dgm:styleLbl name="fgAccFollowNode1">
    <dgm:fillClrLst meth="repeat">
      <a:schemeClr val="lt1">
        <a:alpha val="90000"/>
        <a:tint val="40000"/>
      </a:schemeClr>
    </dgm:fillClrLst>
    <dgm:linClrLst meth="repeat">
      <a:schemeClr val="dk2">
        <a:alpha val="90000"/>
      </a:schemeClr>
    </dgm:linClrLst>
    <dgm:effectClrLst/>
    <dgm:txLinClrLst/>
    <dgm:txFillClrLst meth="repeat">
      <a:schemeClr val="dk2"/>
    </dgm:txFillClrLst>
    <dgm:txEffectClrLst/>
  </dgm:styleLbl>
  <dgm:styleLbl name="alignAccFollowNode1">
    <dgm:fillClrLst meth="repeat">
      <a:schemeClr val="lt1">
        <a:alpha val="90000"/>
        <a:tint val="40000"/>
      </a:schemeClr>
    </dgm:fillClrLst>
    <dgm:linClrLst meth="repeat">
      <a:schemeClr val="dk2">
        <a:alpha val="90000"/>
      </a:schemeClr>
    </dgm:linClrLst>
    <dgm:effectClrLst/>
    <dgm:txLinClrLst/>
    <dgm:txFillClrLst meth="repeat">
      <a:schemeClr val="dk2"/>
    </dgm:txFillClrLst>
    <dgm:txEffectClrLst/>
  </dgm:styleLbl>
  <dgm:styleLbl name="bgAccFollowNode1">
    <dgm:fillClrLst meth="repeat">
      <a:schemeClr val="lt1">
        <a:alpha val="90000"/>
        <a:tint val="40000"/>
      </a:schemeClr>
    </dgm:fillClrLst>
    <dgm:linClrLst meth="repeat">
      <a:schemeClr val="dk2">
        <a:alpha val="90000"/>
      </a:schemeClr>
    </dgm:linClrLst>
    <dgm:effectClrLst/>
    <dgm:txLinClrLst/>
    <dgm:txFillClrLst meth="repeat">
      <a:schemeClr val="dk2"/>
    </dgm:txFillClrLst>
    <dgm:txEffectClrLst/>
  </dgm:styleLbl>
  <dgm:styleLbl name="fgAcc0">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fgAcc2">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fgAcc3">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fgAcc4">
    <dgm:fillClrLst meth="repeat">
      <a:schemeClr val="dk2">
        <a:alpha val="90000"/>
        <a:tint val="40000"/>
      </a:schemeClr>
    </dgm:fillClrLst>
    <dgm:linClrLst meth="repeat">
      <a:schemeClr val="dk2"/>
    </dgm:linClrLst>
    <dgm:effectClrLst/>
    <dgm:txLinClrLst/>
    <dgm:txFillClrLst meth="repeat">
      <a:schemeClr val="dk2"/>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2"/>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2"/>
    </dgm:txFillClrLst>
    <dgm:txEffectClrLst/>
  </dgm:styleLbl>
  <dgm:styleLbl name="fgShp">
    <dgm:fillClrLst meth="repeat">
      <a:schemeClr val="dk2">
        <a:tint val="60000"/>
      </a:schemeClr>
    </dgm:fillClrLst>
    <dgm:linClrLst meth="repeat">
      <a:schemeClr val="lt1"/>
    </dgm:linClrLst>
    <dgm:effectClrLst/>
    <dgm:txLinClrLst/>
    <dgm:txFillClrLst meth="repeat">
      <a:schemeClr val="dk2"/>
    </dgm:txFillClrLst>
    <dgm:txEffectClrLst/>
  </dgm:styleLbl>
  <dgm:styleLbl name="revTx">
    <dgm:fillClrLst meth="repeat">
      <a:schemeClr val="lt1">
        <a:alpha val="0"/>
      </a:schemeClr>
    </dgm:fillClrLst>
    <dgm:linClrLst meth="repeat">
      <a:schemeClr val="dk2">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9AF4EF6A-C940-4328-8734-CA790108CC03}" type="doc">
      <dgm:prSet loTypeId="urn:microsoft.com/office/officeart/2005/8/layout/hierarchy4" loCatId="relationship" qsTypeId="urn:microsoft.com/office/officeart/2005/8/quickstyle/simple4" qsCatId="simple" csTypeId="urn:microsoft.com/office/officeart/2005/8/colors/accent0_3" csCatId="mainScheme" phldr="1"/>
      <dgm:spPr/>
      <dgm:t>
        <a:bodyPr/>
        <a:lstStyle/>
        <a:p>
          <a:endParaRPr lang="LID4096"/>
        </a:p>
      </dgm:t>
    </dgm:pt>
    <dgm:pt modelId="{3CA7EA0E-55CA-4B1E-B5F5-73A8B898B14D}">
      <dgm:prSet phldrT="[Text]"/>
      <dgm:spPr/>
      <dgm:t>
        <a:bodyPr/>
        <a:lstStyle/>
        <a:p>
          <a:r>
            <a:rPr lang="en-US"/>
            <a:t>PIC18 Memory (Harvard)</a:t>
          </a:r>
          <a:endParaRPr lang="LID4096"/>
        </a:p>
      </dgm:t>
    </dgm:pt>
    <dgm:pt modelId="{E13B47D2-99C4-48F4-9EE2-A4041EBE4DF5}" type="parTrans" cxnId="{8ACCA949-C580-4670-9C63-B4789AB397F0}">
      <dgm:prSet/>
      <dgm:spPr/>
      <dgm:t>
        <a:bodyPr/>
        <a:lstStyle/>
        <a:p>
          <a:endParaRPr lang="LID4096"/>
        </a:p>
      </dgm:t>
    </dgm:pt>
    <dgm:pt modelId="{D8605288-256E-4697-BA98-1D1DD65B377E}" type="sibTrans" cxnId="{8ACCA949-C580-4670-9C63-B4789AB397F0}">
      <dgm:prSet/>
      <dgm:spPr/>
      <dgm:t>
        <a:bodyPr/>
        <a:lstStyle/>
        <a:p>
          <a:endParaRPr lang="LID4096"/>
        </a:p>
      </dgm:t>
    </dgm:pt>
    <dgm:pt modelId="{FE0DBAFF-D667-4B83-A580-B92D9D9FC9CA}">
      <dgm:prSet phldrT="[Text]"/>
      <dgm:spPr/>
      <dgm:t>
        <a:bodyPr/>
        <a:lstStyle/>
        <a:p>
          <a:r>
            <a:rPr lang="en-US"/>
            <a:t>PROGRAM</a:t>
          </a:r>
          <a:endParaRPr lang="LID4096"/>
        </a:p>
      </dgm:t>
    </dgm:pt>
    <dgm:pt modelId="{0C51B388-C157-4964-B15D-506D12C30717}" type="parTrans" cxnId="{D1583002-C6C4-483E-B2F9-DAA1E0A2206F}">
      <dgm:prSet/>
      <dgm:spPr/>
      <dgm:t>
        <a:bodyPr/>
        <a:lstStyle/>
        <a:p>
          <a:endParaRPr lang="LID4096"/>
        </a:p>
      </dgm:t>
    </dgm:pt>
    <dgm:pt modelId="{2FD57EF0-80F3-4DC2-A213-9F5F34B71448}" type="sibTrans" cxnId="{D1583002-C6C4-483E-B2F9-DAA1E0A2206F}">
      <dgm:prSet/>
      <dgm:spPr/>
      <dgm:t>
        <a:bodyPr/>
        <a:lstStyle/>
        <a:p>
          <a:endParaRPr lang="LID4096"/>
        </a:p>
      </dgm:t>
    </dgm:pt>
    <dgm:pt modelId="{F69C75A3-7192-420C-8C3C-5FF2E32C3717}">
      <dgm:prSet phldrT="[Text]"/>
      <dgm:spPr/>
      <dgm:t>
        <a:bodyPr/>
        <a:lstStyle/>
        <a:p>
          <a:r>
            <a:rPr lang="en-US"/>
            <a:t>DATA</a:t>
          </a:r>
          <a:endParaRPr lang="LID4096"/>
        </a:p>
      </dgm:t>
    </dgm:pt>
    <dgm:pt modelId="{3163C5D0-62C5-4D1E-9A9C-AA598AA3C187}" type="parTrans" cxnId="{557882A4-D989-4446-B664-6C9D88F29DDD}">
      <dgm:prSet/>
      <dgm:spPr/>
      <dgm:t>
        <a:bodyPr/>
        <a:lstStyle/>
        <a:p>
          <a:endParaRPr lang="LID4096"/>
        </a:p>
      </dgm:t>
    </dgm:pt>
    <dgm:pt modelId="{C1D24C12-CA4A-48C0-AA33-C042F8BB7984}" type="sibTrans" cxnId="{557882A4-D989-4446-B664-6C9D88F29DDD}">
      <dgm:prSet/>
      <dgm:spPr/>
      <dgm:t>
        <a:bodyPr/>
        <a:lstStyle/>
        <a:p>
          <a:endParaRPr lang="LID4096"/>
        </a:p>
      </dgm:t>
    </dgm:pt>
    <dgm:pt modelId="{544977BC-30BD-48D1-AD04-1FC3DAF0F365}">
      <dgm:prSet phldrT="[Text]"/>
      <dgm:spPr/>
      <dgm:t>
        <a:bodyPr/>
        <a:lstStyle/>
        <a:p>
          <a:r>
            <a:rPr lang="en-US"/>
            <a:t>EEPROM</a:t>
          </a:r>
          <a:endParaRPr lang="LID4096"/>
        </a:p>
      </dgm:t>
    </dgm:pt>
    <dgm:pt modelId="{3AA6BCF8-C153-45FF-92FA-547628A1BD39}" type="parTrans" cxnId="{C866322E-8EA7-462A-898F-EE64F180091C}">
      <dgm:prSet/>
      <dgm:spPr/>
      <dgm:t>
        <a:bodyPr/>
        <a:lstStyle/>
        <a:p>
          <a:endParaRPr lang="LID4096"/>
        </a:p>
      </dgm:t>
    </dgm:pt>
    <dgm:pt modelId="{B3EF0A3C-F8F2-4803-9A36-21BC4F8E3187}" type="sibTrans" cxnId="{C866322E-8EA7-462A-898F-EE64F180091C}">
      <dgm:prSet/>
      <dgm:spPr/>
      <dgm:t>
        <a:bodyPr/>
        <a:lstStyle/>
        <a:p>
          <a:endParaRPr lang="LID4096"/>
        </a:p>
      </dgm:t>
    </dgm:pt>
    <dgm:pt modelId="{C45D1042-25C6-4D47-9643-5D4670E0C995}">
      <dgm:prSet phldrT="[Text]"/>
      <dgm:spPr/>
      <dgm:t>
        <a:bodyPr/>
        <a:lstStyle/>
        <a:p>
          <a:r>
            <a:rPr lang="en-US" dirty="0"/>
            <a:t>Banks</a:t>
          </a:r>
          <a:endParaRPr lang="LID4096" dirty="0"/>
        </a:p>
      </dgm:t>
    </dgm:pt>
    <dgm:pt modelId="{AE9377EE-38DF-443B-981B-1EE6873C3206}" type="parTrans" cxnId="{F2E9E49B-11C0-4CFA-B2D9-2F6443EFB3BB}">
      <dgm:prSet/>
      <dgm:spPr/>
      <dgm:t>
        <a:bodyPr/>
        <a:lstStyle/>
        <a:p>
          <a:endParaRPr lang="LID4096"/>
        </a:p>
      </dgm:t>
    </dgm:pt>
    <dgm:pt modelId="{949BFD02-9B71-44F1-AF26-40604EC5B9D4}" type="sibTrans" cxnId="{F2E9E49B-11C0-4CFA-B2D9-2F6443EFB3BB}">
      <dgm:prSet/>
      <dgm:spPr/>
      <dgm:t>
        <a:bodyPr/>
        <a:lstStyle/>
        <a:p>
          <a:endParaRPr lang="LID4096"/>
        </a:p>
      </dgm:t>
    </dgm:pt>
    <dgm:pt modelId="{CD6422CB-E5EE-4ED5-9226-60B3B9FCF6D3}">
      <dgm:prSet phldrT="[Text]"/>
      <dgm:spPr/>
      <dgm:t>
        <a:bodyPr/>
        <a:lstStyle/>
        <a:p>
          <a:r>
            <a:rPr lang="en-US" dirty="0"/>
            <a:t>Fast </a:t>
          </a:r>
          <a:r>
            <a:rPr lang="en-US" dirty="0" err="1"/>
            <a:t>SFR</a:t>
          </a:r>
          <a:endParaRPr lang="LID4096" dirty="0"/>
        </a:p>
      </dgm:t>
    </dgm:pt>
    <dgm:pt modelId="{CCCF740E-D3AD-4F82-82B8-B25F22970E9B}" type="parTrans" cxnId="{8428EA14-5D36-44A3-A132-A94DFD80FB3D}">
      <dgm:prSet/>
      <dgm:spPr/>
      <dgm:t>
        <a:bodyPr/>
        <a:lstStyle/>
        <a:p>
          <a:endParaRPr lang="LID4096"/>
        </a:p>
      </dgm:t>
    </dgm:pt>
    <dgm:pt modelId="{A85F6D75-B0CE-4165-894B-862A676732F1}" type="sibTrans" cxnId="{8428EA14-5D36-44A3-A132-A94DFD80FB3D}">
      <dgm:prSet/>
      <dgm:spPr/>
      <dgm:t>
        <a:bodyPr/>
        <a:lstStyle/>
        <a:p>
          <a:endParaRPr lang="LID4096"/>
        </a:p>
      </dgm:t>
    </dgm:pt>
    <dgm:pt modelId="{328F5544-AFA3-4E4A-903D-0A91E6ED9502}">
      <dgm:prSet phldrT="[Text]"/>
      <dgm:spPr/>
      <dgm:t>
        <a:bodyPr/>
        <a:lstStyle/>
        <a:p>
          <a:r>
            <a:rPr lang="en-US"/>
            <a:t>Access </a:t>
          </a:r>
          <a:r>
            <a:rPr lang="en-US" dirty="0"/>
            <a:t>RAM</a:t>
          </a:r>
          <a:endParaRPr lang="LID4096" dirty="0"/>
        </a:p>
      </dgm:t>
    </dgm:pt>
    <dgm:pt modelId="{14EF6515-973C-469D-A21D-94F95D901E73}" type="parTrans" cxnId="{E51A44ED-8BB4-4373-8E6B-F0A178F3C4BC}">
      <dgm:prSet/>
      <dgm:spPr/>
      <dgm:t>
        <a:bodyPr/>
        <a:lstStyle/>
        <a:p>
          <a:endParaRPr lang="en-US"/>
        </a:p>
      </dgm:t>
    </dgm:pt>
    <dgm:pt modelId="{E627BF27-74A8-4502-BB35-380927580C4B}" type="sibTrans" cxnId="{E51A44ED-8BB4-4373-8E6B-F0A178F3C4BC}">
      <dgm:prSet/>
      <dgm:spPr/>
      <dgm:t>
        <a:bodyPr/>
        <a:lstStyle/>
        <a:p>
          <a:endParaRPr lang="en-US"/>
        </a:p>
      </dgm:t>
    </dgm:pt>
    <dgm:pt modelId="{D477B7D8-ABAD-44AF-AC5C-9079A3C6B723}" type="pres">
      <dgm:prSet presAssocID="{9AF4EF6A-C940-4328-8734-CA790108CC03}" presName="Name0" presStyleCnt="0">
        <dgm:presLayoutVars>
          <dgm:chPref val="1"/>
          <dgm:dir/>
          <dgm:animOne val="branch"/>
          <dgm:animLvl val="lvl"/>
          <dgm:resizeHandles/>
        </dgm:presLayoutVars>
      </dgm:prSet>
      <dgm:spPr/>
    </dgm:pt>
    <dgm:pt modelId="{C67655B4-BE70-4304-90B5-F7F1C12FE071}" type="pres">
      <dgm:prSet presAssocID="{3CA7EA0E-55CA-4B1E-B5F5-73A8B898B14D}" presName="vertOne" presStyleCnt="0"/>
      <dgm:spPr/>
    </dgm:pt>
    <dgm:pt modelId="{619BE9CC-6BCD-4394-A6EE-851522C64C15}" type="pres">
      <dgm:prSet presAssocID="{3CA7EA0E-55CA-4B1E-B5F5-73A8B898B14D}" presName="txOne" presStyleLbl="node0" presStyleIdx="0" presStyleCnt="1" custLinFactNeighborY="-25829">
        <dgm:presLayoutVars>
          <dgm:chPref val="3"/>
        </dgm:presLayoutVars>
      </dgm:prSet>
      <dgm:spPr/>
    </dgm:pt>
    <dgm:pt modelId="{30FF297C-DB70-440C-A02D-9562B7FA0B20}" type="pres">
      <dgm:prSet presAssocID="{3CA7EA0E-55CA-4B1E-B5F5-73A8B898B14D}" presName="parTransOne" presStyleCnt="0"/>
      <dgm:spPr/>
    </dgm:pt>
    <dgm:pt modelId="{A1BB03FA-3529-47D9-9BFF-16BDB01DD8D0}" type="pres">
      <dgm:prSet presAssocID="{3CA7EA0E-55CA-4B1E-B5F5-73A8B898B14D}" presName="horzOne" presStyleCnt="0"/>
      <dgm:spPr/>
    </dgm:pt>
    <dgm:pt modelId="{F9057E45-A510-4EE5-88AF-1EBA8165C5D3}" type="pres">
      <dgm:prSet presAssocID="{FE0DBAFF-D667-4B83-A580-B92D9D9FC9CA}" presName="vertTwo" presStyleCnt="0"/>
      <dgm:spPr/>
    </dgm:pt>
    <dgm:pt modelId="{82C2F9F3-3904-48F0-A4D3-D93EFD7E6DD2}" type="pres">
      <dgm:prSet presAssocID="{FE0DBAFF-D667-4B83-A580-B92D9D9FC9CA}" presName="txTwo" presStyleLbl="node2" presStyleIdx="0" presStyleCnt="3" custLinFactNeighborY="1799">
        <dgm:presLayoutVars>
          <dgm:chPref val="3"/>
        </dgm:presLayoutVars>
      </dgm:prSet>
      <dgm:spPr/>
    </dgm:pt>
    <dgm:pt modelId="{0A3FB5B9-CB12-40C0-AD33-6029C9B5B080}" type="pres">
      <dgm:prSet presAssocID="{FE0DBAFF-D667-4B83-A580-B92D9D9FC9CA}" presName="horzTwo" presStyleCnt="0"/>
      <dgm:spPr/>
    </dgm:pt>
    <dgm:pt modelId="{47FD0ED2-3B5B-403C-BEAE-5E1DED2D5E1F}" type="pres">
      <dgm:prSet presAssocID="{2FD57EF0-80F3-4DC2-A213-9F5F34B71448}" presName="sibSpaceTwo" presStyleCnt="0"/>
      <dgm:spPr/>
    </dgm:pt>
    <dgm:pt modelId="{CACA966C-AF5B-4EDB-A838-7311D18E8BEC}" type="pres">
      <dgm:prSet presAssocID="{F69C75A3-7192-420C-8C3C-5FF2E32C3717}" presName="vertTwo" presStyleCnt="0"/>
      <dgm:spPr/>
    </dgm:pt>
    <dgm:pt modelId="{1B20ED0D-049E-434B-B74E-3A2B3D8A82CC}" type="pres">
      <dgm:prSet presAssocID="{F69C75A3-7192-420C-8C3C-5FF2E32C3717}" presName="txTwo" presStyleLbl="node2" presStyleIdx="1" presStyleCnt="3">
        <dgm:presLayoutVars>
          <dgm:chPref val="3"/>
        </dgm:presLayoutVars>
      </dgm:prSet>
      <dgm:spPr/>
    </dgm:pt>
    <dgm:pt modelId="{D6F3FDA1-5DF5-431E-BF60-2058C08E1114}" type="pres">
      <dgm:prSet presAssocID="{F69C75A3-7192-420C-8C3C-5FF2E32C3717}" presName="parTransTwo" presStyleCnt="0"/>
      <dgm:spPr/>
    </dgm:pt>
    <dgm:pt modelId="{2048ED04-AF3D-4171-B51B-7CEA5348C590}" type="pres">
      <dgm:prSet presAssocID="{F69C75A3-7192-420C-8C3C-5FF2E32C3717}" presName="horzTwo" presStyleCnt="0"/>
      <dgm:spPr/>
    </dgm:pt>
    <dgm:pt modelId="{9CB3BDB9-D01A-4852-AE81-E66DA1CC7A02}" type="pres">
      <dgm:prSet presAssocID="{C45D1042-25C6-4D47-9643-5D4670E0C995}" presName="vertThree" presStyleCnt="0"/>
      <dgm:spPr/>
    </dgm:pt>
    <dgm:pt modelId="{06FCECD5-B524-4187-A0FF-977586A8254B}" type="pres">
      <dgm:prSet presAssocID="{C45D1042-25C6-4D47-9643-5D4670E0C995}" presName="txThree" presStyleLbl="node3" presStyleIdx="0" presStyleCnt="3">
        <dgm:presLayoutVars>
          <dgm:chPref val="3"/>
        </dgm:presLayoutVars>
      </dgm:prSet>
      <dgm:spPr/>
    </dgm:pt>
    <dgm:pt modelId="{7E442B7F-2792-4B5D-AB82-D8A4CB8767BE}" type="pres">
      <dgm:prSet presAssocID="{C45D1042-25C6-4D47-9643-5D4670E0C995}" presName="horzThree" presStyleCnt="0"/>
      <dgm:spPr/>
    </dgm:pt>
    <dgm:pt modelId="{F8D78E13-60F6-4908-9EA7-D8D0EE66D93A}" type="pres">
      <dgm:prSet presAssocID="{949BFD02-9B71-44F1-AF26-40604EC5B9D4}" presName="sibSpaceThree" presStyleCnt="0"/>
      <dgm:spPr/>
    </dgm:pt>
    <dgm:pt modelId="{504B94D5-A8FE-44BA-B087-832D2C36207A}" type="pres">
      <dgm:prSet presAssocID="{328F5544-AFA3-4E4A-903D-0A91E6ED9502}" presName="vertThree" presStyleCnt="0"/>
      <dgm:spPr/>
    </dgm:pt>
    <dgm:pt modelId="{EA7CA8A6-BA94-4D7F-86B7-62646C4BCD62}" type="pres">
      <dgm:prSet presAssocID="{328F5544-AFA3-4E4A-903D-0A91E6ED9502}" presName="txThree" presStyleLbl="node3" presStyleIdx="1" presStyleCnt="3">
        <dgm:presLayoutVars>
          <dgm:chPref val="3"/>
        </dgm:presLayoutVars>
      </dgm:prSet>
      <dgm:spPr/>
    </dgm:pt>
    <dgm:pt modelId="{DDD31E80-53BA-4F65-B458-8ED4D4DAE87B}" type="pres">
      <dgm:prSet presAssocID="{328F5544-AFA3-4E4A-903D-0A91E6ED9502}" presName="horzThree" presStyleCnt="0"/>
      <dgm:spPr/>
    </dgm:pt>
    <dgm:pt modelId="{99EA1F70-8DE0-42FC-8EEC-D5B4D8E01B8E}" type="pres">
      <dgm:prSet presAssocID="{E627BF27-74A8-4502-BB35-380927580C4B}" presName="sibSpaceThree" presStyleCnt="0"/>
      <dgm:spPr/>
    </dgm:pt>
    <dgm:pt modelId="{B90E2D0D-C0C9-4F99-BFE1-074B25B98C8C}" type="pres">
      <dgm:prSet presAssocID="{CD6422CB-E5EE-4ED5-9226-60B3B9FCF6D3}" presName="vertThree" presStyleCnt="0"/>
      <dgm:spPr/>
    </dgm:pt>
    <dgm:pt modelId="{89197030-320F-4E88-8CA0-527C8684ABE8}" type="pres">
      <dgm:prSet presAssocID="{CD6422CB-E5EE-4ED5-9226-60B3B9FCF6D3}" presName="txThree" presStyleLbl="node3" presStyleIdx="2" presStyleCnt="3">
        <dgm:presLayoutVars>
          <dgm:chPref val="3"/>
        </dgm:presLayoutVars>
      </dgm:prSet>
      <dgm:spPr/>
    </dgm:pt>
    <dgm:pt modelId="{DB04E59F-B577-4C2F-9C15-756A64468976}" type="pres">
      <dgm:prSet presAssocID="{CD6422CB-E5EE-4ED5-9226-60B3B9FCF6D3}" presName="horzThree" presStyleCnt="0"/>
      <dgm:spPr/>
    </dgm:pt>
    <dgm:pt modelId="{B7CB7D63-B7A9-484B-9906-BF38DA5268F6}" type="pres">
      <dgm:prSet presAssocID="{C1D24C12-CA4A-48C0-AA33-C042F8BB7984}" presName="sibSpaceTwo" presStyleCnt="0"/>
      <dgm:spPr/>
    </dgm:pt>
    <dgm:pt modelId="{6B8A05DB-4491-47EE-9AE0-0E96494BEBC2}" type="pres">
      <dgm:prSet presAssocID="{544977BC-30BD-48D1-AD04-1FC3DAF0F365}" presName="vertTwo" presStyleCnt="0"/>
      <dgm:spPr/>
    </dgm:pt>
    <dgm:pt modelId="{A1E49E4D-37F7-442E-BBBA-3F5A0C7FBC5C}" type="pres">
      <dgm:prSet presAssocID="{544977BC-30BD-48D1-AD04-1FC3DAF0F365}" presName="txTwo" presStyleLbl="node2" presStyleIdx="2" presStyleCnt="3">
        <dgm:presLayoutVars>
          <dgm:chPref val="3"/>
        </dgm:presLayoutVars>
      </dgm:prSet>
      <dgm:spPr/>
    </dgm:pt>
    <dgm:pt modelId="{BCBC4E2E-0A4C-4978-A0BD-F242FD46D767}" type="pres">
      <dgm:prSet presAssocID="{544977BC-30BD-48D1-AD04-1FC3DAF0F365}" presName="horzTwo" presStyleCnt="0"/>
      <dgm:spPr/>
    </dgm:pt>
  </dgm:ptLst>
  <dgm:cxnLst>
    <dgm:cxn modelId="{D1583002-C6C4-483E-B2F9-DAA1E0A2206F}" srcId="{3CA7EA0E-55CA-4B1E-B5F5-73A8B898B14D}" destId="{FE0DBAFF-D667-4B83-A580-B92D9D9FC9CA}" srcOrd="0" destOrd="0" parTransId="{0C51B388-C157-4964-B15D-506D12C30717}" sibTransId="{2FD57EF0-80F3-4DC2-A213-9F5F34B71448}"/>
    <dgm:cxn modelId="{1A6C0D0B-DA2A-4C9B-9B46-16C3A2F52A44}" type="presOf" srcId="{F69C75A3-7192-420C-8C3C-5FF2E32C3717}" destId="{1B20ED0D-049E-434B-B74E-3A2B3D8A82CC}" srcOrd="0" destOrd="0" presId="urn:microsoft.com/office/officeart/2005/8/layout/hierarchy4"/>
    <dgm:cxn modelId="{8428EA14-5D36-44A3-A132-A94DFD80FB3D}" srcId="{F69C75A3-7192-420C-8C3C-5FF2E32C3717}" destId="{CD6422CB-E5EE-4ED5-9226-60B3B9FCF6D3}" srcOrd="2" destOrd="0" parTransId="{CCCF740E-D3AD-4F82-82B8-B25F22970E9B}" sibTransId="{A85F6D75-B0CE-4165-894B-862A676732F1}"/>
    <dgm:cxn modelId="{C866322E-8EA7-462A-898F-EE64F180091C}" srcId="{3CA7EA0E-55CA-4B1E-B5F5-73A8B898B14D}" destId="{544977BC-30BD-48D1-AD04-1FC3DAF0F365}" srcOrd="2" destOrd="0" parTransId="{3AA6BCF8-C153-45FF-92FA-547628A1BD39}" sibTransId="{B3EF0A3C-F8F2-4803-9A36-21BC4F8E3187}"/>
    <dgm:cxn modelId="{C7FEE55B-84ED-4ABA-9ABB-B3A3202424AB}" type="presOf" srcId="{328F5544-AFA3-4E4A-903D-0A91E6ED9502}" destId="{EA7CA8A6-BA94-4D7F-86B7-62646C4BCD62}" srcOrd="0" destOrd="0" presId="urn:microsoft.com/office/officeart/2005/8/layout/hierarchy4"/>
    <dgm:cxn modelId="{6DA3C068-FDDC-401C-A4BF-AC90F995F421}" type="presOf" srcId="{CD6422CB-E5EE-4ED5-9226-60B3B9FCF6D3}" destId="{89197030-320F-4E88-8CA0-527C8684ABE8}" srcOrd="0" destOrd="0" presId="urn:microsoft.com/office/officeart/2005/8/layout/hierarchy4"/>
    <dgm:cxn modelId="{8ACCA949-C580-4670-9C63-B4789AB397F0}" srcId="{9AF4EF6A-C940-4328-8734-CA790108CC03}" destId="{3CA7EA0E-55CA-4B1E-B5F5-73A8B898B14D}" srcOrd="0" destOrd="0" parTransId="{E13B47D2-99C4-48F4-9EE2-A4041EBE4DF5}" sibTransId="{D8605288-256E-4697-BA98-1D1DD65B377E}"/>
    <dgm:cxn modelId="{70B39A7C-FFDA-4D22-8F78-7C215963B97A}" type="presOf" srcId="{544977BC-30BD-48D1-AD04-1FC3DAF0F365}" destId="{A1E49E4D-37F7-442E-BBBA-3F5A0C7FBC5C}" srcOrd="0" destOrd="0" presId="urn:microsoft.com/office/officeart/2005/8/layout/hierarchy4"/>
    <dgm:cxn modelId="{E1A0ED90-1097-46ED-AE41-040AE7866FCD}" type="presOf" srcId="{C45D1042-25C6-4D47-9643-5D4670E0C995}" destId="{06FCECD5-B524-4187-A0FF-977586A8254B}" srcOrd="0" destOrd="0" presId="urn:microsoft.com/office/officeart/2005/8/layout/hierarchy4"/>
    <dgm:cxn modelId="{F2E9E49B-11C0-4CFA-B2D9-2F6443EFB3BB}" srcId="{F69C75A3-7192-420C-8C3C-5FF2E32C3717}" destId="{C45D1042-25C6-4D47-9643-5D4670E0C995}" srcOrd="0" destOrd="0" parTransId="{AE9377EE-38DF-443B-981B-1EE6873C3206}" sibTransId="{949BFD02-9B71-44F1-AF26-40604EC5B9D4}"/>
    <dgm:cxn modelId="{557882A4-D989-4446-B664-6C9D88F29DDD}" srcId="{3CA7EA0E-55CA-4B1E-B5F5-73A8B898B14D}" destId="{F69C75A3-7192-420C-8C3C-5FF2E32C3717}" srcOrd="1" destOrd="0" parTransId="{3163C5D0-62C5-4D1E-9A9C-AA598AA3C187}" sibTransId="{C1D24C12-CA4A-48C0-AA33-C042F8BB7984}"/>
    <dgm:cxn modelId="{D78B63CB-180F-4A22-83E9-DF74F2FCAD61}" type="presOf" srcId="{9AF4EF6A-C940-4328-8734-CA790108CC03}" destId="{D477B7D8-ABAD-44AF-AC5C-9079A3C6B723}" srcOrd="0" destOrd="0" presId="urn:microsoft.com/office/officeart/2005/8/layout/hierarchy4"/>
    <dgm:cxn modelId="{E51A44ED-8BB4-4373-8E6B-F0A178F3C4BC}" srcId="{F69C75A3-7192-420C-8C3C-5FF2E32C3717}" destId="{328F5544-AFA3-4E4A-903D-0A91E6ED9502}" srcOrd="1" destOrd="0" parTransId="{14EF6515-973C-469D-A21D-94F95D901E73}" sibTransId="{E627BF27-74A8-4502-BB35-380927580C4B}"/>
    <dgm:cxn modelId="{83E359F0-D2FB-4457-94AA-6E6173D368B2}" type="presOf" srcId="{FE0DBAFF-D667-4B83-A580-B92D9D9FC9CA}" destId="{82C2F9F3-3904-48F0-A4D3-D93EFD7E6DD2}" srcOrd="0" destOrd="0" presId="urn:microsoft.com/office/officeart/2005/8/layout/hierarchy4"/>
    <dgm:cxn modelId="{CEC47FF8-B219-41E2-B159-85AEE6DD0EB4}" type="presOf" srcId="{3CA7EA0E-55CA-4B1E-B5F5-73A8B898B14D}" destId="{619BE9CC-6BCD-4394-A6EE-851522C64C15}" srcOrd="0" destOrd="0" presId="urn:microsoft.com/office/officeart/2005/8/layout/hierarchy4"/>
    <dgm:cxn modelId="{960AD2BA-FEFF-4848-9818-0B653086997E}" type="presParOf" srcId="{D477B7D8-ABAD-44AF-AC5C-9079A3C6B723}" destId="{C67655B4-BE70-4304-90B5-F7F1C12FE071}" srcOrd="0" destOrd="0" presId="urn:microsoft.com/office/officeart/2005/8/layout/hierarchy4"/>
    <dgm:cxn modelId="{09705B6C-6A82-4AE6-9B32-2635716E62C2}" type="presParOf" srcId="{C67655B4-BE70-4304-90B5-F7F1C12FE071}" destId="{619BE9CC-6BCD-4394-A6EE-851522C64C15}" srcOrd="0" destOrd="0" presId="urn:microsoft.com/office/officeart/2005/8/layout/hierarchy4"/>
    <dgm:cxn modelId="{FA79F979-A2CD-4CE0-8D61-0ED2F26BBBCE}" type="presParOf" srcId="{C67655B4-BE70-4304-90B5-F7F1C12FE071}" destId="{30FF297C-DB70-440C-A02D-9562B7FA0B20}" srcOrd="1" destOrd="0" presId="urn:microsoft.com/office/officeart/2005/8/layout/hierarchy4"/>
    <dgm:cxn modelId="{F4642158-0A2B-4D3B-A716-D1943403E7FE}" type="presParOf" srcId="{C67655B4-BE70-4304-90B5-F7F1C12FE071}" destId="{A1BB03FA-3529-47D9-9BFF-16BDB01DD8D0}" srcOrd="2" destOrd="0" presId="urn:microsoft.com/office/officeart/2005/8/layout/hierarchy4"/>
    <dgm:cxn modelId="{91DCF562-371C-4BD2-934C-A7B7DC928139}" type="presParOf" srcId="{A1BB03FA-3529-47D9-9BFF-16BDB01DD8D0}" destId="{F9057E45-A510-4EE5-88AF-1EBA8165C5D3}" srcOrd="0" destOrd="0" presId="urn:microsoft.com/office/officeart/2005/8/layout/hierarchy4"/>
    <dgm:cxn modelId="{ECDEB6E3-95AB-4945-B070-0700CB8BD700}" type="presParOf" srcId="{F9057E45-A510-4EE5-88AF-1EBA8165C5D3}" destId="{82C2F9F3-3904-48F0-A4D3-D93EFD7E6DD2}" srcOrd="0" destOrd="0" presId="urn:microsoft.com/office/officeart/2005/8/layout/hierarchy4"/>
    <dgm:cxn modelId="{8CD7EBFA-2DE9-41B4-8E67-D7BB0F806C2E}" type="presParOf" srcId="{F9057E45-A510-4EE5-88AF-1EBA8165C5D3}" destId="{0A3FB5B9-CB12-40C0-AD33-6029C9B5B080}" srcOrd="1" destOrd="0" presId="urn:microsoft.com/office/officeart/2005/8/layout/hierarchy4"/>
    <dgm:cxn modelId="{AA1C457A-49DC-47C7-937C-E27DFC6466D1}" type="presParOf" srcId="{A1BB03FA-3529-47D9-9BFF-16BDB01DD8D0}" destId="{47FD0ED2-3B5B-403C-BEAE-5E1DED2D5E1F}" srcOrd="1" destOrd="0" presId="urn:microsoft.com/office/officeart/2005/8/layout/hierarchy4"/>
    <dgm:cxn modelId="{9A4CBC6E-C6EA-4BD0-8C02-F00EFA011590}" type="presParOf" srcId="{A1BB03FA-3529-47D9-9BFF-16BDB01DD8D0}" destId="{CACA966C-AF5B-4EDB-A838-7311D18E8BEC}" srcOrd="2" destOrd="0" presId="urn:microsoft.com/office/officeart/2005/8/layout/hierarchy4"/>
    <dgm:cxn modelId="{8723D6CD-EB6A-48BC-9DE9-3ABAE9D6ECCA}" type="presParOf" srcId="{CACA966C-AF5B-4EDB-A838-7311D18E8BEC}" destId="{1B20ED0D-049E-434B-B74E-3A2B3D8A82CC}" srcOrd="0" destOrd="0" presId="urn:microsoft.com/office/officeart/2005/8/layout/hierarchy4"/>
    <dgm:cxn modelId="{B0BEA43D-2154-4254-8356-3F0FC4BF6548}" type="presParOf" srcId="{CACA966C-AF5B-4EDB-A838-7311D18E8BEC}" destId="{D6F3FDA1-5DF5-431E-BF60-2058C08E1114}" srcOrd="1" destOrd="0" presId="urn:microsoft.com/office/officeart/2005/8/layout/hierarchy4"/>
    <dgm:cxn modelId="{B71ACF27-3FB7-4386-80B0-6F80DCA035DA}" type="presParOf" srcId="{CACA966C-AF5B-4EDB-A838-7311D18E8BEC}" destId="{2048ED04-AF3D-4171-B51B-7CEA5348C590}" srcOrd="2" destOrd="0" presId="urn:microsoft.com/office/officeart/2005/8/layout/hierarchy4"/>
    <dgm:cxn modelId="{A198A5FD-03AA-4FEF-BFBF-1E1A8235FB31}" type="presParOf" srcId="{2048ED04-AF3D-4171-B51B-7CEA5348C590}" destId="{9CB3BDB9-D01A-4852-AE81-E66DA1CC7A02}" srcOrd="0" destOrd="0" presId="urn:microsoft.com/office/officeart/2005/8/layout/hierarchy4"/>
    <dgm:cxn modelId="{D3170B95-B0F9-4B10-A580-F38BA408037C}" type="presParOf" srcId="{9CB3BDB9-D01A-4852-AE81-E66DA1CC7A02}" destId="{06FCECD5-B524-4187-A0FF-977586A8254B}" srcOrd="0" destOrd="0" presId="urn:microsoft.com/office/officeart/2005/8/layout/hierarchy4"/>
    <dgm:cxn modelId="{57917675-6912-42F5-8606-C1C6A99239E6}" type="presParOf" srcId="{9CB3BDB9-D01A-4852-AE81-E66DA1CC7A02}" destId="{7E442B7F-2792-4B5D-AB82-D8A4CB8767BE}" srcOrd="1" destOrd="0" presId="urn:microsoft.com/office/officeart/2005/8/layout/hierarchy4"/>
    <dgm:cxn modelId="{CD3C0E52-A123-4E63-A571-BFA4C238A4E6}" type="presParOf" srcId="{2048ED04-AF3D-4171-B51B-7CEA5348C590}" destId="{F8D78E13-60F6-4908-9EA7-D8D0EE66D93A}" srcOrd="1" destOrd="0" presId="urn:microsoft.com/office/officeart/2005/8/layout/hierarchy4"/>
    <dgm:cxn modelId="{E04D1B13-BA8A-4E49-9E4D-22A7A7FAD61C}" type="presParOf" srcId="{2048ED04-AF3D-4171-B51B-7CEA5348C590}" destId="{504B94D5-A8FE-44BA-B087-832D2C36207A}" srcOrd="2" destOrd="0" presId="urn:microsoft.com/office/officeart/2005/8/layout/hierarchy4"/>
    <dgm:cxn modelId="{73E99E4D-F774-42A3-A4D2-8026A489746A}" type="presParOf" srcId="{504B94D5-A8FE-44BA-B087-832D2C36207A}" destId="{EA7CA8A6-BA94-4D7F-86B7-62646C4BCD62}" srcOrd="0" destOrd="0" presId="urn:microsoft.com/office/officeart/2005/8/layout/hierarchy4"/>
    <dgm:cxn modelId="{CC881BBA-396E-4121-ACBC-7A1D111CE988}" type="presParOf" srcId="{504B94D5-A8FE-44BA-B087-832D2C36207A}" destId="{DDD31E80-53BA-4F65-B458-8ED4D4DAE87B}" srcOrd="1" destOrd="0" presId="urn:microsoft.com/office/officeart/2005/8/layout/hierarchy4"/>
    <dgm:cxn modelId="{397517DB-43AF-4867-8EAC-B09350E7BA74}" type="presParOf" srcId="{2048ED04-AF3D-4171-B51B-7CEA5348C590}" destId="{99EA1F70-8DE0-42FC-8EEC-D5B4D8E01B8E}" srcOrd="3" destOrd="0" presId="urn:microsoft.com/office/officeart/2005/8/layout/hierarchy4"/>
    <dgm:cxn modelId="{9C890710-8512-4BE2-92AB-99FEE6A1B99C}" type="presParOf" srcId="{2048ED04-AF3D-4171-B51B-7CEA5348C590}" destId="{B90E2D0D-C0C9-4F99-BFE1-074B25B98C8C}" srcOrd="4" destOrd="0" presId="urn:microsoft.com/office/officeart/2005/8/layout/hierarchy4"/>
    <dgm:cxn modelId="{3547F4C8-DD44-4E45-BE27-3516304DBFE9}" type="presParOf" srcId="{B90E2D0D-C0C9-4F99-BFE1-074B25B98C8C}" destId="{89197030-320F-4E88-8CA0-527C8684ABE8}" srcOrd="0" destOrd="0" presId="urn:microsoft.com/office/officeart/2005/8/layout/hierarchy4"/>
    <dgm:cxn modelId="{80563799-4AF9-4EF5-B4B4-4705FA0EA69E}" type="presParOf" srcId="{B90E2D0D-C0C9-4F99-BFE1-074B25B98C8C}" destId="{DB04E59F-B577-4C2F-9C15-756A64468976}" srcOrd="1" destOrd="0" presId="urn:microsoft.com/office/officeart/2005/8/layout/hierarchy4"/>
    <dgm:cxn modelId="{4A69A13B-1869-4EE4-992F-B46C5AF34137}" type="presParOf" srcId="{A1BB03FA-3529-47D9-9BFF-16BDB01DD8D0}" destId="{B7CB7D63-B7A9-484B-9906-BF38DA5268F6}" srcOrd="3" destOrd="0" presId="urn:microsoft.com/office/officeart/2005/8/layout/hierarchy4"/>
    <dgm:cxn modelId="{CA780ACF-F449-4154-B05C-BEECC52E6924}" type="presParOf" srcId="{A1BB03FA-3529-47D9-9BFF-16BDB01DD8D0}" destId="{6B8A05DB-4491-47EE-9AE0-0E96494BEBC2}" srcOrd="4" destOrd="0" presId="urn:microsoft.com/office/officeart/2005/8/layout/hierarchy4"/>
    <dgm:cxn modelId="{FACF4665-CA5C-4EE9-86AD-9BC86ABA6EB4}" type="presParOf" srcId="{6B8A05DB-4491-47EE-9AE0-0E96494BEBC2}" destId="{A1E49E4D-37F7-442E-BBBA-3F5A0C7FBC5C}" srcOrd="0" destOrd="0" presId="urn:microsoft.com/office/officeart/2005/8/layout/hierarchy4"/>
    <dgm:cxn modelId="{07A9509F-3765-45E9-918A-980B08922BA7}" type="presParOf" srcId="{6B8A05DB-4491-47EE-9AE0-0E96494BEBC2}" destId="{BCBC4E2E-0A4C-4978-A0BD-F242FD46D767}" srcOrd="1" destOrd="0" presId="urn:microsoft.com/office/officeart/2005/8/layout/hierarchy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F422248D-5B83-4E99-BD07-765F859E41CA}" type="doc">
      <dgm:prSet loTypeId="urn:microsoft.com/office/officeart/2008/layout/LinedList" loCatId="list" qsTypeId="urn:microsoft.com/office/officeart/2005/8/quickstyle/simple1" qsCatId="simple" csTypeId="urn:microsoft.com/office/officeart/2005/8/colors/accent0_2" csCatId="mainScheme" phldr="1"/>
      <dgm:spPr/>
      <dgm:t>
        <a:bodyPr/>
        <a:lstStyle/>
        <a:p>
          <a:endParaRPr lang="LID4096"/>
        </a:p>
      </dgm:t>
    </dgm:pt>
    <dgm:pt modelId="{B664B52E-14F4-471A-B3AC-75C86F59F28F}">
      <dgm:prSet phldrT="[Text]"/>
      <dgm:spPr/>
      <dgm:t>
        <a:bodyPr/>
        <a:lstStyle/>
        <a:p>
          <a:r>
            <a:rPr lang="en-US" dirty="0">
              <a:solidFill>
                <a:schemeClr val="tx2"/>
              </a:solidFill>
            </a:rPr>
            <a:t>Addressing Modes</a:t>
          </a:r>
          <a:endParaRPr lang="LID4096" dirty="0">
            <a:solidFill>
              <a:schemeClr val="tx2"/>
            </a:solidFill>
          </a:endParaRPr>
        </a:p>
      </dgm:t>
    </dgm:pt>
    <dgm:pt modelId="{8F40ABB2-D05D-4796-A601-E37186996AD4}" type="parTrans" cxnId="{62CE40B0-1AB4-4053-9077-16C178D0993F}">
      <dgm:prSet/>
      <dgm:spPr/>
      <dgm:t>
        <a:bodyPr/>
        <a:lstStyle/>
        <a:p>
          <a:endParaRPr lang="LID4096">
            <a:solidFill>
              <a:schemeClr val="tx2"/>
            </a:solidFill>
          </a:endParaRPr>
        </a:p>
      </dgm:t>
    </dgm:pt>
    <dgm:pt modelId="{36BFDE5E-83D3-4881-A4A2-0DE7B19AF0A7}" type="sibTrans" cxnId="{62CE40B0-1AB4-4053-9077-16C178D0993F}">
      <dgm:prSet/>
      <dgm:spPr/>
      <dgm:t>
        <a:bodyPr/>
        <a:lstStyle/>
        <a:p>
          <a:endParaRPr lang="LID4096">
            <a:solidFill>
              <a:schemeClr val="tx2"/>
            </a:solidFill>
          </a:endParaRPr>
        </a:p>
      </dgm:t>
    </dgm:pt>
    <dgm:pt modelId="{50360245-FFFC-4F44-8A42-8C53A2D5FF5A}">
      <dgm:prSet phldrT="[Text]"/>
      <dgm:spPr/>
      <dgm:t>
        <a:bodyPr/>
        <a:lstStyle/>
        <a:p>
          <a:r>
            <a:rPr lang="en-US">
              <a:solidFill>
                <a:schemeClr val="tx2"/>
              </a:solidFill>
            </a:rPr>
            <a:t>Inherent</a:t>
          </a:r>
          <a:endParaRPr lang="LID4096">
            <a:solidFill>
              <a:schemeClr val="tx2"/>
            </a:solidFill>
          </a:endParaRPr>
        </a:p>
      </dgm:t>
    </dgm:pt>
    <dgm:pt modelId="{45AE8966-C8D9-486A-87EA-8F7A38241AF2}" type="parTrans" cxnId="{5DFA8CD2-E546-4882-B864-ABBE034C8D46}">
      <dgm:prSet/>
      <dgm:spPr/>
      <dgm:t>
        <a:bodyPr/>
        <a:lstStyle/>
        <a:p>
          <a:endParaRPr lang="LID4096">
            <a:solidFill>
              <a:schemeClr val="tx2"/>
            </a:solidFill>
          </a:endParaRPr>
        </a:p>
      </dgm:t>
    </dgm:pt>
    <dgm:pt modelId="{B0785A63-3BF2-4FFF-84CE-FB9B3800C49D}" type="sibTrans" cxnId="{5DFA8CD2-E546-4882-B864-ABBE034C8D46}">
      <dgm:prSet/>
      <dgm:spPr/>
      <dgm:t>
        <a:bodyPr/>
        <a:lstStyle/>
        <a:p>
          <a:endParaRPr lang="LID4096">
            <a:solidFill>
              <a:schemeClr val="tx2"/>
            </a:solidFill>
          </a:endParaRPr>
        </a:p>
      </dgm:t>
    </dgm:pt>
    <dgm:pt modelId="{0DA576AE-2ED1-4AC0-B6F0-BCA73A0F19D7}">
      <dgm:prSet phldrT="[Text]"/>
      <dgm:spPr/>
      <dgm:t>
        <a:bodyPr/>
        <a:lstStyle/>
        <a:p>
          <a:r>
            <a:rPr lang="en-US">
              <a:solidFill>
                <a:schemeClr val="tx2"/>
              </a:solidFill>
            </a:rPr>
            <a:t>Literal</a:t>
          </a:r>
          <a:endParaRPr lang="LID4096">
            <a:solidFill>
              <a:schemeClr val="tx2"/>
            </a:solidFill>
          </a:endParaRPr>
        </a:p>
      </dgm:t>
    </dgm:pt>
    <dgm:pt modelId="{5640C066-598A-43F4-B02D-5A4197A8178D}" type="parTrans" cxnId="{667CD78F-9F61-450A-9A85-535A70E49B1C}">
      <dgm:prSet/>
      <dgm:spPr/>
      <dgm:t>
        <a:bodyPr/>
        <a:lstStyle/>
        <a:p>
          <a:endParaRPr lang="LID4096">
            <a:solidFill>
              <a:schemeClr val="tx2"/>
            </a:solidFill>
          </a:endParaRPr>
        </a:p>
      </dgm:t>
    </dgm:pt>
    <dgm:pt modelId="{AC6DA1D2-3768-4586-AF95-E28EA0DD6BF8}" type="sibTrans" cxnId="{667CD78F-9F61-450A-9A85-535A70E49B1C}">
      <dgm:prSet/>
      <dgm:spPr/>
      <dgm:t>
        <a:bodyPr/>
        <a:lstStyle/>
        <a:p>
          <a:endParaRPr lang="LID4096">
            <a:solidFill>
              <a:schemeClr val="tx2"/>
            </a:solidFill>
          </a:endParaRPr>
        </a:p>
      </dgm:t>
    </dgm:pt>
    <dgm:pt modelId="{9D249E34-8B92-4A8D-AE19-00793F177347}">
      <dgm:prSet phldrT="[Text]"/>
      <dgm:spPr/>
      <dgm:t>
        <a:bodyPr/>
        <a:lstStyle/>
        <a:p>
          <a:r>
            <a:rPr lang="en-US">
              <a:solidFill>
                <a:schemeClr val="tx2"/>
              </a:solidFill>
            </a:rPr>
            <a:t>Direct</a:t>
          </a:r>
          <a:endParaRPr lang="LID4096">
            <a:solidFill>
              <a:schemeClr val="tx2"/>
            </a:solidFill>
          </a:endParaRPr>
        </a:p>
      </dgm:t>
    </dgm:pt>
    <dgm:pt modelId="{3FF3EF10-DA78-4FB7-AD35-F0603F2B480E}" type="parTrans" cxnId="{23EEEF00-4397-44F7-A205-6D6E326B0867}">
      <dgm:prSet/>
      <dgm:spPr/>
      <dgm:t>
        <a:bodyPr/>
        <a:lstStyle/>
        <a:p>
          <a:endParaRPr lang="LID4096">
            <a:solidFill>
              <a:schemeClr val="tx2"/>
            </a:solidFill>
          </a:endParaRPr>
        </a:p>
      </dgm:t>
    </dgm:pt>
    <dgm:pt modelId="{D9DBE1A1-C87A-4F5C-AEBC-621FF635294A}" type="sibTrans" cxnId="{23EEEF00-4397-44F7-A205-6D6E326B0867}">
      <dgm:prSet/>
      <dgm:spPr/>
      <dgm:t>
        <a:bodyPr/>
        <a:lstStyle/>
        <a:p>
          <a:endParaRPr lang="LID4096">
            <a:solidFill>
              <a:schemeClr val="tx2"/>
            </a:solidFill>
          </a:endParaRPr>
        </a:p>
      </dgm:t>
    </dgm:pt>
    <dgm:pt modelId="{30205CFE-AFFB-441F-BB80-B9060700138B}">
      <dgm:prSet phldrT="[Text]"/>
      <dgm:spPr/>
      <dgm:t>
        <a:bodyPr/>
        <a:lstStyle/>
        <a:p>
          <a:r>
            <a:rPr lang="en-US" dirty="0">
              <a:solidFill>
                <a:schemeClr val="tx2"/>
              </a:solidFill>
            </a:rPr>
            <a:t>Indirect</a:t>
          </a:r>
          <a:endParaRPr lang="LID4096" dirty="0">
            <a:solidFill>
              <a:schemeClr val="tx2"/>
            </a:solidFill>
          </a:endParaRPr>
        </a:p>
      </dgm:t>
    </dgm:pt>
    <dgm:pt modelId="{9D871F44-9841-46BA-9BC6-8A2896FF6D8F}" type="parTrans" cxnId="{357BEECC-55A8-4EF1-AE82-07F19BFF31C8}">
      <dgm:prSet/>
      <dgm:spPr/>
      <dgm:t>
        <a:bodyPr/>
        <a:lstStyle/>
        <a:p>
          <a:endParaRPr lang="LID4096">
            <a:solidFill>
              <a:schemeClr val="tx2"/>
            </a:solidFill>
          </a:endParaRPr>
        </a:p>
      </dgm:t>
    </dgm:pt>
    <dgm:pt modelId="{59AD1CC2-99F1-47DD-ABF7-6BE8CCF2E122}" type="sibTrans" cxnId="{357BEECC-55A8-4EF1-AE82-07F19BFF31C8}">
      <dgm:prSet/>
      <dgm:spPr/>
      <dgm:t>
        <a:bodyPr/>
        <a:lstStyle/>
        <a:p>
          <a:endParaRPr lang="LID4096">
            <a:solidFill>
              <a:schemeClr val="tx2"/>
            </a:solidFill>
          </a:endParaRPr>
        </a:p>
      </dgm:t>
    </dgm:pt>
    <dgm:pt modelId="{EBA762B4-E272-4594-BC76-3BD3C73884E1}">
      <dgm:prSet phldrT="[Text]"/>
      <dgm:spPr/>
      <dgm:t>
        <a:bodyPr/>
        <a:lstStyle/>
        <a:p>
          <a:r>
            <a:rPr lang="en-US">
              <a:solidFill>
                <a:schemeClr val="tx2"/>
              </a:solidFill>
            </a:rPr>
            <a:t>No need for an address</a:t>
          </a:r>
          <a:endParaRPr lang="LID4096">
            <a:solidFill>
              <a:schemeClr val="tx2"/>
            </a:solidFill>
          </a:endParaRPr>
        </a:p>
      </dgm:t>
    </dgm:pt>
    <dgm:pt modelId="{1E7F694C-5626-4D71-AC89-1C20CB613592}" type="parTrans" cxnId="{CD1E84B1-B8F1-47C5-B721-13116EFC2BED}">
      <dgm:prSet/>
      <dgm:spPr/>
      <dgm:t>
        <a:bodyPr/>
        <a:lstStyle/>
        <a:p>
          <a:endParaRPr lang="LID4096">
            <a:solidFill>
              <a:schemeClr val="tx2"/>
            </a:solidFill>
          </a:endParaRPr>
        </a:p>
      </dgm:t>
    </dgm:pt>
    <dgm:pt modelId="{4AF0ECD9-A436-4B07-920F-4322F81ACE13}" type="sibTrans" cxnId="{CD1E84B1-B8F1-47C5-B721-13116EFC2BED}">
      <dgm:prSet/>
      <dgm:spPr/>
      <dgm:t>
        <a:bodyPr/>
        <a:lstStyle/>
        <a:p>
          <a:endParaRPr lang="LID4096">
            <a:solidFill>
              <a:schemeClr val="tx2"/>
            </a:solidFill>
          </a:endParaRPr>
        </a:p>
      </dgm:t>
    </dgm:pt>
    <dgm:pt modelId="{3F8ADB37-F2ED-4A0D-B60E-E8CD91FAE907}">
      <dgm:prSet phldrT="[Text]"/>
      <dgm:spPr/>
      <dgm:t>
        <a:bodyPr/>
        <a:lstStyle/>
        <a:p>
          <a:r>
            <a:rPr lang="en-US">
              <a:solidFill>
                <a:schemeClr val="tx2"/>
              </a:solidFill>
            </a:rPr>
            <a:t>Explicit address is part of opcode</a:t>
          </a:r>
          <a:endParaRPr lang="LID4096">
            <a:solidFill>
              <a:schemeClr val="tx2"/>
            </a:solidFill>
          </a:endParaRPr>
        </a:p>
      </dgm:t>
    </dgm:pt>
    <dgm:pt modelId="{81AA2531-3C4F-4589-8E79-E68B276680C6}" type="parTrans" cxnId="{B1506F6A-CDB4-4775-A4AC-E42DD26613A8}">
      <dgm:prSet/>
      <dgm:spPr/>
      <dgm:t>
        <a:bodyPr/>
        <a:lstStyle/>
        <a:p>
          <a:endParaRPr lang="LID4096">
            <a:solidFill>
              <a:schemeClr val="tx2"/>
            </a:solidFill>
          </a:endParaRPr>
        </a:p>
      </dgm:t>
    </dgm:pt>
    <dgm:pt modelId="{5EFD7F2D-5A7D-4CBB-80F5-C5A47711021F}" type="sibTrans" cxnId="{B1506F6A-CDB4-4775-A4AC-E42DD26613A8}">
      <dgm:prSet/>
      <dgm:spPr/>
      <dgm:t>
        <a:bodyPr/>
        <a:lstStyle/>
        <a:p>
          <a:endParaRPr lang="LID4096">
            <a:solidFill>
              <a:schemeClr val="tx2"/>
            </a:solidFill>
          </a:endParaRPr>
        </a:p>
      </dgm:t>
    </dgm:pt>
    <dgm:pt modelId="{A9F00C36-59AB-4D23-AA8C-750DB69B0F8D}">
      <dgm:prSet phldrT="[Text]"/>
      <dgm:spPr/>
      <dgm:t>
        <a:bodyPr/>
        <a:lstStyle/>
        <a:p>
          <a:r>
            <a:rPr lang="en-US">
              <a:solidFill>
                <a:schemeClr val="tx2"/>
              </a:solidFill>
            </a:rPr>
            <a:t>All or part pf source/destination address in opcode</a:t>
          </a:r>
          <a:endParaRPr lang="LID4096" dirty="0">
            <a:solidFill>
              <a:schemeClr val="tx2"/>
            </a:solidFill>
          </a:endParaRPr>
        </a:p>
      </dgm:t>
    </dgm:pt>
    <dgm:pt modelId="{90E3809A-3BF2-4ED3-A150-A278E1E47AC4}" type="parTrans" cxnId="{71147218-7051-4020-ADF2-AEA81DD145CE}">
      <dgm:prSet/>
      <dgm:spPr/>
      <dgm:t>
        <a:bodyPr/>
        <a:lstStyle/>
        <a:p>
          <a:endParaRPr lang="LID4096">
            <a:solidFill>
              <a:schemeClr val="tx2"/>
            </a:solidFill>
          </a:endParaRPr>
        </a:p>
      </dgm:t>
    </dgm:pt>
    <dgm:pt modelId="{318FC71F-1925-4800-B84D-97684566F715}" type="sibTrans" cxnId="{71147218-7051-4020-ADF2-AEA81DD145CE}">
      <dgm:prSet/>
      <dgm:spPr/>
      <dgm:t>
        <a:bodyPr/>
        <a:lstStyle/>
        <a:p>
          <a:endParaRPr lang="LID4096">
            <a:solidFill>
              <a:schemeClr val="tx2"/>
            </a:solidFill>
          </a:endParaRPr>
        </a:p>
      </dgm:t>
    </dgm:pt>
    <dgm:pt modelId="{AA9502B4-40B9-4E4B-98F9-285098A26C9B}">
      <dgm:prSet phldrT="[Text]"/>
      <dgm:spPr/>
      <dgm:t>
        <a:bodyPr/>
        <a:lstStyle/>
        <a:p>
          <a:r>
            <a:rPr lang="en-US">
              <a:solidFill>
                <a:schemeClr val="tx2"/>
              </a:solidFill>
            </a:rPr>
            <a:t>SLEEP, RESET, DAW</a:t>
          </a:r>
          <a:endParaRPr lang="LID4096">
            <a:solidFill>
              <a:schemeClr val="tx2"/>
            </a:solidFill>
          </a:endParaRPr>
        </a:p>
      </dgm:t>
    </dgm:pt>
    <dgm:pt modelId="{28F08900-162C-4F46-BFB8-2E27B5445073}" type="parTrans" cxnId="{D2C1A120-3B91-4A6C-AD52-863440F977F1}">
      <dgm:prSet/>
      <dgm:spPr/>
      <dgm:t>
        <a:bodyPr/>
        <a:lstStyle/>
        <a:p>
          <a:endParaRPr lang="LID4096">
            <a:solidFill>
              <a:schemeClr val="tx2"/>
            </a:solidFill>
          </a:endParaRPr>
        </a:p>
      </dgm:t>
    </dgm:pt>
    <dgm:pt modelId="{F17248A9-B61D-426C-9684-E912450A381F}" type="sibTrans" cxnId="{D2C1A120-3B91-4A6C-AD52-863440F977F1}">
      <dgm:prSet/>
      <dgm:spPr/>
      <dgm:t>
        <a:bodyPr/>
        <a:lstStyle/>
        <a:p>
          <a:endParaRPr lang="LID4096">
            <a:solidFill>
              <a:schemeClr val="tx2"/>
            </a:solidFill>
          </a:endParaRPr>
        </a:p>
      </dgm:t>
    </dgm:pt>
    <dgm:pt modelId="{7694CDFC-B04A-4F53-B1BD-334EF83F1634}">
      <dgm:prSet phldrT="[Text]"/>
      <dgm:spPr/>
      <dgm:t>
        <a:bodyPr/>
        <a:lstStyle/>
        <a:p>
          <a:r>
            <a:rPr lang="en-US">
              <a:solidFill>
                <a:schemeClr val="tx2"/>
              </a:solidFill>
            </a:rPr>
            <a:t>ADDLW, MOVLW, CALL, GOTO</a:t>
          </a:r>
          <a:endParaRPr lang="LID4096">
            <a:solidFill>
              <a:schemeClr val="tx2"/>
            </a:solidFill>
          </a:endParaRPr>
        </a:p>
      </dgm:t>
    </dgm:pt>
    <dgm:pt modelId="{9AC89508-D48F-41DA-9BC6-FA5C27564EF8}" type="parTrans" cxnId="{80AC3FF0-AF55-47BE-832C-3F48300272D4}">
      <dgm:prSet/>
      <dgm:spPr/>
      <dgm:t>
        <a:bodyPr/>
        <a:lstStyle/>
        <a:p>
          <a:endParaRPr lang="en-US">
            <a:solidFill>
              <a:schemeClr val="tx2"/>
            </a:solidFill>
          </a:endParaRPr>
        </a:p>
      </dgm:t>
    </dgm:pt>
    <dgm:pt modelId="{324E43B1-F70F-4F6A-9B21-69E067FFC9E9}" type="sibTrans" cxnId="{80AC3FF0-AF55-47BE-832C-3F48300272D4}">
      <dgm:prSet/>
      <dgm:spPr/>
      <dgm:t>
        <a:bodyPr/>
        <a:lstStyle/>
        <a:p>
          <a:endParaRPr lang="en-US">
            <a:solidFill>
              <a:schemeClr val="tx2"/>
            </a:solidFill>
          </a:endParaRPr>
        </a:p>
      </dgm:t>
    </dgm:pt>
    <dgm:pt modelId="{87127035-DF99-48BE-88BF-CA4EC24B73B9}">
      <dgm:prSet phldrT="[Text]"/>
      <dgm:spPr/>
      <dgm:t>
        <a:bodyPr/>
        <a:lstStyle/>
        <a:p>
          <a:pPr>
            <a:buNone/>
          </a:pPr>
          <a:r>
            <a:rPr lang="en-US" dirty="0">
              <a:solidFill>
                <a:schemeClr val="tx2"/>
              </a:solidFill>
            </a:rPr>
            <a:t>Use FSRs as pointers</a:t>
          </a:r>
          <a:endParaRPr lang="LID4096" dirty="0">
            <a:solidFill>
              <a:schemeClr val="tx2"/>
            </a:solidFill>
          </a:endParaRPr>
        </a:p>
      </dgm:t>
    </dgm:pt>
    <dgm:pt modelId="{0350C7C5-D9EB-478D-8848-2F24B9E85A01}" type="parTrans" cxnId="{E913390F-E411-49CE-B514-8701A322123C}">
      <dgm:prSet/>
      <dgm:spPr/>
      <dgm:t>
        <a:bodyPr/>
        <a:lstStyle/>
        <a:p>
          <a:endParaRPr lang="en-US">
            <a:solidFill>
              <a:schemeClr val="tx2"/>
            </a:solidFill>
          </a:endParaRPr>
        </a:p>
      </dgm:t>
    </dgm:pt>
    <dgm:pt modelId="{E6D4A76C-AE44-4351-BC4B-EC0ADB8329B4}" type="sibTrans" cxnId="{E913390F-E411-49CE-B514-8701A322123C}">
      <dgm:prSet/>
      <dgm:spPr/>
      <dgm:t>
        <a:bodyPr/>
        <a:lstStyle/>
        <a:p>
          <a:endParaRPr lang="en-US">
            <a:solidFill>
              <a:schemeClr val="tx2"/>
            </a:solidFill>
          </a:endParaRPr>
        </a:p>
      </dgm:t>
    </dgm:pt>
    <dgm:pt modelId="{1519DFE7-153C-4473-AAC8-F22538823F09}" type="pres">
      <dgm:prSet presAssocID="{F422248D-5B83-4E99-BD07-765F859E41CA}" presName="vert0" presStyleCnt="0">
        <dgm:presLayoutVars>
          <dgm:dir/>
          <dgm:animOne val="branch"/>
          <dgm:animLvl val="lvl"/>
        </dgm:presLayoutVars>
      </dgm:prSet>
      <dgm:spPr/>
    </dgm:pt>
    <dgm:pt modelId="{EB7E6A31-CA73-453A-88E9-6013055B849F}" type="pres">
      <dgm:prSet presAssocID="{B664B52E-14F4-471A-B3AC-75C86F59F28F}" presName="thickLine" presStyleLbl="alignNode1" presStyleIdx="0" presStyleCnt="1"/>
      <dgm:spPr/>
    </dgm:pt>
    <dgm:pt modelId="{CFF6B99B-181A-4334-B4A5-34254262CE2F}" type="pres">
      <dgm:prSet presAssocID="{B664B52E-14F4-471A-B3AC-75C86F59F28F}" presName="horz1" presStyleCnt="0"/>
      <dgm:spPr/>
    </dgm:pt>
    <dgm:pt modelId="{DCC37704-3F1E-4C4B-93C3-0E8FA971DFCA}" type="pres">
      <dgm:prSet presAssocID="{B664B52E-14F4-471A-B3AC-75C86F59F28F}" presName="tx1" presStyleLbl="revTx" presStyleIdx="0" presStyleCnt="11"/>
      <dgm:spPr/>
    </dgm:pt>
    <dgm:pt modelId="{76E5731F-40F4-46E2-806F-D88898C41404}" type="pres">
      <dgm:prSet presAssocID="{B664B52E-14F4-471A-B3AC-75C86F59F28F}" presName="vert1" presStyleCnt="0"/>
      <dgm:spPr/>
    </dgm:pt>
    <dgm:pt modelId="{94DA42A5-9317-4A8F-9E2C-80920C517FA1}" type="pres">
      <dgm:prSet presAssocID="{50360245-FFFC-4F44-8A42-8C53A2D5FF5A}" presName="vertSpace2a" presStyleCnt="0"/>
      <dgm:spPr/>
    </dgm:pt>
    <dgm:pt modelId="{0E1EDC8D-B0F9-41DD-AF8C-BD7F07DCBA98}" type="pres">
      <dgm:prSet presAssocID="{50360245-FFFC-4F44-8A42-8C53A2D5FF5A}" presName="horz2" presStyleCnt="0"/>
      <dgm:spPr/>
    </dgm:pt>
    <dgm:pt modelId="{C8533743-2118-4C7A-9E86-40192F9BC097}" type="pres">
      <dgm:prSet presAssocID="{50360245-FFFC-4F44-8A42-8C53A2D5FF5A}" presName="horzSpace2" presStyleCnt="0"/>
      <dgm:spPr/>
    </dgm:pt>
    <dgm:pt modelId="{BE9C14DC-858F-438A-8383-C8C7D457B633}" type="pres">
      <dgm:prSet presAssocID="{50360245-FFFC-4F44-8A42-8C53A2D5FF5A}" presName="tx2" presStyleLbl="revTx" presStyleIdx="1" presStyleCnt="11"/>
      <dgm:spPr/>
    </dgm:pt>
    <dgm:pt modelId="{A65898E7-2956-42F9-B530-310F9AD35DF5}" type="pres">
      <dgm:prSet presAssocID="{50360245-FFFC-4F44-8A42-8C53A2D5FF5A}" presName="vert2" presStyleCnt="0"/>
      <dgm:spPr/>
    </dgm:pt>
    <dgm:pt modelId="{BDB99F42-B494-4B9E-8853-549BFBBFF66B}" type="pres">
      <dgm:prSet presAssocID="{EBA762B4-E272-4594-BC76-3BD3C73884E1}" presName="horz3" presStyleCnt="0"/>
      <dgm:spPr/>
    </dgm:pt>
    <dgm:pt modelId="{4AEEB10F-291B-4254-807E-66351F321BA8}" type="pres">
      <dgm:prSet presAssocID="{EBA762B4-E272-4594-BC76-3BD3C73884E1}" presName="horzSpace3" presStyleCnt="0"/>
      <dgm:spPr/>
    </dgm:pt>
    <dgm:pt modelId="{7D664651-DB3B-470D-B90C-0F62B4982D56}" type="pres">
      <dgm:prSet presAssocID="{EBA762B4-E272-4594-BC76-3BD3C73884E1}" presName="tx3" presStyleLbl="revTx" presStyleIdx="2" presStyleCnt="11"/>
      <dgm:spPr/>
    </dgm:pt>
    <dgm:pt modelId="{7625BF84-DD05-43ED-A76C-FA9E5B787851}" type="pres">
      <dgm:prSet presAssocID="{EBA762B4-E272-4594-BC76-3BD3C73884E1}" presName="vert3" presStyleCnt="0"/>
      <dgm:spPr/>
    </dgm:pt>
    <dgm:pt modelId="{C9452449-9A6C-4341-AFA2-DB3BE4B63E43}" type="pres">
      <dgm:prSet presAssocID="{4AF0ECD9-A436-4B07-920F-4322F81ACE13}" presName="thinLine3" presStyleLbl="callout" presStyleIdx="0" presStyleCnt="6"/>
      <dgm:spPr/>
    </dgm:pt>
    <dgm:pt modelId="{F85B943C-3399-4741-9249-9F11860F32D6}" type="pres">
      <dgm:prSet presAssocID="{AA9502B4-40B9-4E4B-98F9-285098A26C9B}" presName="horz3" presStyleCnt="0"/>
      <dgm:spPr/>
    </dgm:pt>
    <dgm:pt modelId="{6D28BD82-284E-4EFD-83FF-BEA8483205CE}" type="pres">
      <dgm:prSet presAssocID="{AA9502B4-40B9-4E4B-98F9-285098A26C9B}" presName="horzSpace3" presStyleCnt="0"/>
      <dgm:spPr/>
    </dgm:pt>
    <dgm:pt modelId="{6A65F34C-2F4A-4339-9E74-424FD6B5F82A}" type="pres">
      <dgm:prSet presAssocID="{AA9502B4-40B9-4E4B-98F9-285098A26C9B}" presName="tx3" presStyleLbl="revTx" presStyleIdx="3" presStyleCnt="11"/>
      <dgm:spPr/>
    </dgm:pt>
    <dgm:pt modelId="{25812B18-436E-4F92-A8AA-3619D04147EC}" type="pres">
      <dgm:prSet presAssocID="{AA9502B4-40B9-4E4B-98F9-285098A26C9B}" presName="vert3" presStyleCnt="0"/>
      <dgm:spPr/>
    </dgm:pt>
    <dgm:pt modelId="{BBFF80DE-6E18-4B46-9BFE-63CB76DF45AC}" type="pres">
      <dgm:prSet presAssocID="{50360245-FFFC-4F44-8A42-8C53A2D5FF5A}" presName="thinLine2b" presStyleLbl="callout" presStyleIdx="1" presStyleCnt="6"/>
      <dgm:spPr/>
    </dgm:pt>
    <dgm:pt modelId="{683F19E2-F755-4111-B4D0-19718231A243}" type="pres">
      <dgm:prSet presAssocID="{50360245-FFFC-4F44-8A42-8C53A2D5FF5A}" presName="vertSpace2b" presStyleCnt="0"/>
      <dgm:spPr/>
    </dgm:pt>
    <dgm:pt modelId="{E9230EDD-FE22-42A8-82BD-D97B04FEC67E}" type="pres">
      <dgm:prSet presAssocID="{0DA576AE-2ED1-4AC0-B6F0-BCA73A0F19D7}" presName="horz2" presStyleCnt="0"/>
      <dgm:spPr/>
    </dgm:pt>
    <dgm:pt modelId="{621AD8A6-72D4-4C4A-8B41-BA5736FA41B6}" type="pres">
      <dgm:prSet presAssocID="{0DA576AE-2ED1-4AC0-B6F0-BCA73A0F19D7}" presName="horzSpace2" presStyleCnt="0"/>
      <dgm:spPr/>
    </dgm:pt>
    <dgm:pt modelId="{9EDBF8FD-D351-4C1F-BE95-31A9F426806C}" type="pres">
      <dgm:prSet presAssocID="{0DA576AE-2ED1-4AC0-B6F0-BCA73A0F19D7}" presName="tx2" presStyleLbl="revTx" presStyleIdx="4" presStyleCnt="11"/>
      <dgm:spPr/>
    </dgm:pt>
    <dgm:pt modelId="{6CC59778-9A0B-442E-B332-0890DA581721}" type="pres">
      <dgm:prSet presAssocID="{0DA576AE-2ED1-4AC0-B6F0-BCA73A0F19D7}" presName="vert2" presStyleCnt="0"/>
      <dgm:spPr/>
    </dgm:pt>
    <dgm:pt modelId="{383181D1-F8CB-4D0A-B61B-1FE209A41980}" type="pres">
      <dgm:prSet presAssocID="{3F8ADB37-F2ED-4A0D-B60E-E8CD91FAE907}" presName="horz3" presStyleCnt="0"/>
      <dgm:spPr/>
    </dgm:pt>
    <dgm:pt modelId="{BFF8A889-02D5-4EA2-8B54-18FB1ED9FB59}" type="pres">
      <dgm:prSet presAssocID="{3F8ADB37-F2ED-4A0D-B60E-E8CD91FAE907}" presName="horzSpace3" presStyleCnt="0"/>
      <dgm:spPr/>
    </dgm:pt>
    <dgm:pt modelId="{69BE9811-2880-4521-9A03-14891C153FFA}" type="pres">
      <dgm:prSet presAssocID="{3F8ADB37-F2ED-4A0D-B60E-E8CD91FAE907}" presName="tx3" presStyleLbl="revTx" presStyleIdx="5" presStyleCnt="11"/>
      <dgm:spPr/>
    </dgm:pt>
    <dgm:pt modelId="{A5F6D57B-D607-442F-9448-2C00C6D231B6}" type="pres">
      <dgm:prSet presAssocID="{3F8ADB37-F2ED-4A0D-B60E-E8CD91FAE907}" presName="vert3" presStyleCnt="0"/>
      <dgm:spPr/>
    </dgm:pt>
    <dgm:pt modelId="{7DA30486-0DD4-4D85-A470-E59677DF5B3C}" type="pres">
      <dgm:prSet presAssocID="{5EFD7F2D-5A7D-4CBB-80F5-C5A47711021F}" presName="thinLine3" presStyleLbl="callout" presStyleIdx="2" presStyleCnt="6"/>
      <dgm:spPr/>
    </dgm:pt>
    <dgm:pt modelId="{50475847-8F97-44DB-978C-970512902258}" type="pres">
      <dgm:prSet presAssocID="{7694CDFC-B04A-4F53-B1BD-334EF83F1634}" presName="horz3" presStyleCnt="0"/>
      <dgm:spPr/>
    </dgm:pt>
    <dgm:pt modelId="{BDC8A79B-CC1D-4C17-8A79-857B23B5281A}" type="pres">
      <dgm:prSet presAssocID="{7694CDFC-B04A-4F53-B1BD-334EF83F1634}" presName="horzSpace3" presStyleCnt="0"/>
      <dgm:spPr/>
    </dgm:pt>
    <dgm:pt modelId="{BA368493-01EC-42D9-8A78-30757C62671B}" type="pres">
      <dgm:prSet presAssocID="{7694CDFC-B04A-4F53-B1BD-334EF83F1634}" presName="tx3" presStyleLbl="revTx" presStyleIdx="6" presStyleCnt="11"/>
      <dgm:spPr/>
    </dgm:pt>
    <dgm:pt modelId="{F23F9C4B-198A-4B92-8969-9329B66FEE53}" type="pres">
      <dgm:prSet presAssocID="{7694CDFC-B04A-4F53-B1BD-334EF83F1634}" presName="vert3" presStyleCnt="0"/>
      <dgm:spPr/>
    </dgm:pt>
    <dgm:pt modelId="{7DF5BA33-88B1-4663-81A5-D89986A72F0B}" type="pres">
      <dgm:prSet presAssocID="{0DA576AE-2ED1-4AC0-B6F0-BCA73A0F19D7}" presName="thinLine2b" presStyleLbl="callout" presStyleIdx="3" presStyleCnt="6"/>
      <dgm:spPr/>
    </dgm:pt>
    <dgm:pt modelId="{99C70722-8BCD-40E7-92EE-6A38D56C6BE0}" type="pres">
      <dgm:prSet presAssocID="{0DA576AE-2ED1-4AC0-B6F0-BCA73A0F19D7}" presName="vertSpace2b" presStyleCnt="0"/>
      <dgm:spPr/>
    </dgm:pt>
    <dgm:pt modelId="{761BA59C-75E0-4860-B677-3CD3E2CD789F}" type="pres">
      <dgm:prSet presAssocID="{9D249E34-8B92-4A8D-AE19-00793F177347}" presName="horz2" presStyleCnt="0"/>
      <dgm:spPr/>
    </dgm:pt>
    <dgm:pt modelId="{BFFB180E-1D0A-47B0-B0E0-49A417539393}" type="pres">
      <dgm:prSet presAssocID="{9D249E34-8B92-4A8D-AE19-00793F177347}" presName="horzSpace2" presStyleCnt="0"/>
      <dgm:spPr/>
    </dgm:pt>
    <dgm:pt modelId="{1D5FF6FA-D649-4701-A931-1803FB02E790}" type="pres">
      <dgm:prSet presAssocID="{9D249E34-8B92-4A8D-AE19-00793F177347}" presName="tx2" presStyleLbl="revTx" presStyleIdx="7" presStyleCnt="11"/>
      <dgm:spPr/>
    </dgm:pt>
    <dgm:pt modelId="{925EFFCB-F99B-460F-AA6F-B247E16BC045}" type="pres">
      <dgm:prSet presAssocID="{9D249E34-8B92-4A8D-AE19-00793F177347}" presName="vert2" presStyleCnt="0"/>
      <dgm:spPr/>
    </dgm:pt>
    <dgm:pt modelId="{F8E49180-4EB5-4877-815B-AC8DAD273BF6}" type="pres">
      <dgm:prSet presAssocID="{A9F00C36-59AB-4D23-AA8C-750DB69B0F8D}" presName="horz3" presStyleCnt="0"/>
      <dgm:spPr/>
    </dgm:pt>
    <dgm:pt modelId="{011A060D-98EC-48D8-AF21-01ABEF0D9110}" type="pres">
      <dgm:prSet presAssocID="{A9F00C36-59AB-4D23-AA8C-750DB69B0F8D}" presName="horzSpace3" presStyleCnt="0"/>
      <dgm:spPr/>
    </dgm:pt>
    <dgm:pt modelId="{E723200E-F12B-44F8-8625-E5AB2199CFD0}" type="pres">
      <dgm:prSet presAssocID="{A9F00C36-59AB-4D23-AA8C-750DB69B0F8D}" presName="tx3" presStyleLbl="revTx" presStyleIdx="8" presStyleCnt="11"/>
      <dgm:spPr/>
    </dgm:pt>
    <dgm:pt modelId="{C3BCEEF6-E104-4E35-8FD4-BEC6806BEE34}" type="pres">
      <dgm:prSet presAssocID="{A9F00C36-59AB-4D23-AA8C-750DB69B0F8D}" presName="vert3" presStyleCnt="0"/>
      <dgm:spPr/>
    </dgm:pt>
    <dgm:pt modelId="{E90D127F-A42D-4139-8AE0-E467F5EDEFD6}" type="pres">
      <dgm:prSet presAssocID="{9D249E34-8B92-4A8D-AE19-00793F177347}" presName="thinLine2b" presStyleLbl="callout" presStyleIdx="4" presStyleCnt="6"/>
      <dgm:spPr/>
    </dgm:pt>
    <dgm:pt modelId="{7CB9E0F3-C6A7-4649-AC14-A8CF323EDF67}" type="pres">
      <dgm:prSet presAssocID="{9D249E34-8B92-4A8D-AE19-00793F177347}" presName="vertSpace2b" presStyleCnt="0"/>
      <dgm:spPr/>
    </dgm:pt>
    <dgm:pt modelId="{24303034-6787-4FE5-A7F3-C35D652542E4}" type="pres">
      <dgm:prSet presAssocID="{30205CFE-AFFB-441F-BB80-B9060700138B}" presName="horz2" presStyleCnt="0"/>
      <dgm:spPr/>
    </dgm:pt>
    <dgm:pt modelId="{1627613B-34AA-4E0F-BC47-4BA9C6D88E4D}" type="pres">
      <dgm:prSet presAssocID="{30205CFE-AFFB-441F-BB80-B9060700138B}" presName="horzSpace2" presStyleCnt="0"/>
      <dgm:spPr/>
    </dgm:pt>
    <dgm:pt modelId="{E9A45CA2-40DC-4097-BAFB-F4F91D491E47}" type="pres">
      <dgm:prSet presAssocID="{30205CFE-AFFB-441F-BB80-B9060700138B}" presName="tx2" presStyleLbl="revTx" presStyleIdx="9" presStyleCnt="11"/>
      <dgm:spPr/>
    </dgm:pt>
    <dgm:pt modelId="{EC0C40A1-4B36-49E2-9D59-8A1BB88B0D1B}" type="pres">
      <dgm:prSet presAssocID="{30205CFE-AFFB-441F-BB80-B9060700138B}" presName="vert2" presStyleCnt="0"/>
      <dgm:spPr/>
    </dgm:pt>
    <dgm:pt modelId="{2ADCEA99-CFA3-4023-9624-49E566D10F72}" type="pres">
      <dgm:prSet presAssocID="{87127035-DF99-48BE-88BF-CA4EC24B73B9}" presName="horz3" presStyleCnt="0"/>
      <dgm:spPr/>
    </dgm:pt>
    <dgm:pt modelId="{B0E85973-9163-45A1-A662-E6D52E1983AC}" type="pres">
      <dgm:prSet presAssocID="{87127035-DF99-48BE-88BF-CA4EC24B73B9}" presName="horzSpace3" presStyleCnt="0"/>
      <dgm:spPr/>
    </dgm:pt>
    <dgm:pt modelId="{9087B046-9B0D-4156-B76F-423371A5905E}" type="pres">
      <dgm:prSet presAssocID="{87127035-DF99-48BE-88BF-CA4EC24B73B9}" presName="tx3" presStyleLbl="revTx" presStyleIdx="10" presStyleCnt="11"/>
      <dgm:spPr/>
    </dgm:pt>
    <dgm:pt modelId="{B87AD7DE-E665-4FEC-B8C6-27821811061B}" type="pres">
      <dgm:prSet presAssocID="{87127035-DF99-48BE-88BF-CA4EC24B73B9}" presName="vert3" presStyleCnt="0"/>
      <dgm:spPr/>
    </dgm:pt>
    <dgm:pt modelId="{1899C289-C1DD-401B-B5D6-679B3E792C56}" type="pres">
      <dgm:prSet presAssocID="{30205CFE-AFFB-441F-BB80-B9060700138B}" presName="thinLine2b" presStyleLbl="callout" presStyleIdx="5" presStyleCnt="6"/>
      <dgm:spPr/>
    </dgm:pt>
    <dgm:pt modelId="{6CA97CE8-3CB6-4749-B118-E76D9011D31C}" type="pres">
      <dgm:prSet presAssocID="{30205CFE-AFFB-441F-BB80-B9060700138B}" presName="vertSpace2b" presStyleCnt="0"/>
      <dgm:spPr/>
    </dgm:pt>
  </dgm:ptLst>
  <dgm:cxnLst>
    <dgm:cxn modelId="{23EEEF00-4397-44F7-A205-6D6E326B0867}" srcId="{B664B52E-14F4-471A-B3AC-75C86F59F28F}" destId="{9D249E34-8B92-4A8D-AE19-00793F177347}" srcOrd="2" destOrd="0" parTransId="{3FF3EF10-DA78-4FB7-AD35-F0603F2B480E}" sibTransId="{D9DBE1A1-C87A-4F5C-AEBC-621FF635294A}"/>
    <dgm:cxn modelId="{E841630B-8818-44BE-9254-5346A7DF0A2F}" type="presOf" srcId="{AA9502B4-40B9-4E4B-98F9-285098A26C9B}" destId="{6A65F34C-2F4A-4339-9E74-424FD6B5F82A}" srcOrd="0" destOrd="0" presId="urn:microsoft.com/office/officeart/2008/layout/LinedList"/>
    <dgm:cxn modelId="{B58B220D-1057-4C9D-A889-9D4C95446908}" type="presOf" srcId="{7694CDFC-B04A-4F53-B1BD-334EF83F1634}" destId="{BA368493-01EC-42D9-8A78-30757C62671B}" srcOrd="0" destOrd="0" presId="urn:microsoft.com/office/officeart/2008/layout/LinedList"/>
    <dgm:cxn modelId="{E913390F-E411-49CE-B514-8701A322123C}" srcId="{30205CFE-AFFB-441F-BB80-B9060700138B}" destId="{87127035-DF99-48BE-88BF-CA4EC24B73B9}" srcOrd="0" destOrd="0" parTransId="{0350C7C5-D9EB-478D-8848-2F24B9E85A01}" sibTransId="{E6D4A76C-AE44-4351-BC4B-EC0ADB8329B4}"/>
    <dgm:cxn modelId="{71147218-7051-4020-ADF2-AEA81DD145CE}" srcId="{9D249E34-8B92-4A8D-AE19-00793F177347}" destId="{A9F00C36-59AB-4D23-AA8C-750DB69B0F8D}" srcOrd="0" destOrd="0" parTransId="{90E3809A-3BF2-4ED3-A150-A278E1E47AC4}" sibTransId="{318FC71F-1925-4800-B84D-97684566F715}"/>
    <dgm:cxn modelId="{BE4FAE18-1D98-4FD3-ABD1-489CFDA81687}" type="presOf" srcId="{0DA576AE-2ED1-4AC0-B6F0-BCA73A0F19D7}" destId="{9EDBF8FD-D351-4C1F-BE95-31A9F426806C}" srcOrd="0" destOrd="0" presId="urn:microsoft.com/office/officeart/2008/layout/LinedList"/>
    <dgm:cxn modelId="{D2C1A120-3B91-4A6C-AD52-863440F977F1}" srcId="{50360245-FFFC-4F44-8A42-8C53A2D5FF5A}" destId="{AA9502B4-40B9-4E4B-98F9-285098A26C9B}" srcOrd="1" destOrd="0" parTransId="{28F08900-162C-4F46-BFB8-2E27B5445073}" sibTransId="{F17248A9-B61D-426C-9684-E912450A381F}"/>
    <dgm:cxn modelId="{8AB2AA29-AF9F-4EE1-BCCE-4EE30AF18C7D}" type="presOf" srcId="{87127035-DF99-48BE-88BF-CA4EC24B73B9}" destId="{9087B046-9B0D-4156-B76F-423371A5905E}" srcOrd="0" destOrd="0" presId="urn:microsoft.com/office/officeart/2008/layout/LinedList"/>
    <dgm:cxn modelId="{0DD00269-FDD0-460B-9AB3-39632E638FCB}" type="presOf" srcId="{3F8ADB37-F2ED-4A0D-B60E-E8CD91FAE907}" destId="{69BE9811-2880-4521-9A03-14891C153FFA}" srcOrd="0" destOrd="0" presId="urn:microsoft.com/office/officeart/2008/layout/LinedList"/>
    <dgm:cxn modelId="{B1506F6A-CDB4-4775-A4AC-E42DD26613A8}" srcId="{0DA576AE-2ED1-4AC0-B6F0-BCA73A0F19D7}" destId="{3F8ADB37-F2ED-4A0D-B60E-E8CD91FAE907}" srcOrd="0" destOrd="0" parTransId="{81AA2531-3C4F-4589-8E79-E68B276680C6}" sibTransId="{5EFD7F2D-5A7D-4CBB-80F5-C5A47711021F}"/>
    <dgm:cxn modelId="{C059A252-BEAC-44A1-A6C2-506DF7408229}" type="presOf" srcId="{B664B52E-14F4-471A-B3AC-75C86F59F28F}" destId="{DCC37704-3F1E-4C4B-93C3-0E8FA971DFCA}" srcOrd="0" destOrd="0" presId="urn:microsoft.com/office/officeart/2008/layout/LinedList"/>
    <dgm:cxn modelId="{5A01D882-322C-4FC1-A661-AD5255046341}" type="presOf" srcId="{EBA762B4-E272-4594-BC76-3BD3C73884E1}" destId="{7D664651-DB3B-470D-B90C-0F62B4982D56}" srcOrd="0" destOrd="0" presId="urn:microsoft.com/office/officeart/2008/layout/LinedList"/>
    <dgm:cxn modelId="{CAB9BF8C-FCF0-451B-BC85-705B949868D4}" type="presOf" srcId="{50360245-FFFC-4F44-8A42-8C53A2D5FF5A}" destId="{BE9C14DC-858F-438A-8383-C8C7D457B633}" srcOrd="0" destOrd="0" presId="urn:microsoft.com/office/officeart/2008/layout/LinedList"/>
    <dgm:cxn modelId="{667CD78F-9F61-450A-9A85-535A70E49B1C}" srcId="{B664B52E-14F4-471A-B3AC-75C86F59F28F}" destId="{0DA576AE-2ED1-4AC0-B6F0-BCA73A0F19D7}" srcOrd="1" destOrd="0" parTransId="{5640C066-598A-43F4-B02D-5A4197A8178D}" sibTransId="{AC6DA1D2-3768-4586-AF95-E28EA0DD6BF8}"/>
    <dgm:cxn modelId="{7BA9ED9C-5A75-4ECD-BA17-14DD2DE2D6A8}" type="presOf" srcId="{30205CFE-AFFB-441F-BB80-B9060700138B}" destId="{E9A45CA2-40DC-4097-BAFB-F4F91D491E47}" srcOrd="0" destOrd="0" presId="urn:microsoft.com/office/officeart/2008/layout/LinedList"/>
    <dgm:cxn modelId="{751BB6A3-79B4-48BC-B223-31C654C01F40}" type="presOf" srcId="{A9F00C36-59AB-4D23-AA8C-750DB69B0F8D}" destId="{E723200E-F12B-44F8-8625-E5AB2199CFD0}" srcOrd="0" destOrd="0" presId="urn:microsoft.com/office/officeart/2008/layout/LinedList"/>
    <dgm:cxn modelId="{62CE40B0-1AB4-4053-9077-16C178D0993F}" srcId="{F422248D-5B83-4E99-BD07-765F859E41CA}" destId="{B664B52E-14F4-471A-B3AC-75C86F59F28F}" srcOrd="0" destOrd="0" parTransId="{8F40ABB2-D05D-4796-A601-E37186996AD4}" sibTransId="{36BFDE5E-83D3-4881-A4A2-0DE7B19AF0A7}"/>
    <dgm:cxn modelId="{CD1E84B1-B8F1-47C5-B721-13116EFC2BED}" srcId="{50360245-FFFC-4F44-8A42-8C53A2D5FF5A}" destId="{EBA762B4-E272-4594-BC76-3BD3C73884E1}" srcOrd="0" destOrd="0" parTransId="{1E7F694C-5626-4D71-AC89-1C20CB613592}" sibTransId="{4AF0ECD9-A436-4B07-920F-4322F81ACE13}"/>
    <dgm:cxn modelId="{357BEECC-55A8-4EF1-AE82-07F19BFF31C8}" srcId="{B664B52E-14F4-471A-B3AC-75C86F59F28F}" destId="{30205CFE-AFFB-441F-BB80-B9060700138B}" srcOrd="3" destOrd="0" parTransId="{9D871F44-9841-46BA-9BC6-8A2896FF6D8F}" sibTransId="{59AD1CC2-99F1-47DD-ABF7-6BE8CCF2E122}"/>
    <dgm:cxn modelId="{5DFA8CD2-E546-4882-B864-ABBE034C8D46}" srcId="{B664B52E-14F4-471A-B3AC-75C86F59F28F}" destId="{50360245-FFFC-4F44-8A42-8C53A2D5FF5A}" srcOrd="0" destOrd="0" parTransId="{45AE8966-C8D9-486A-87EA-8F7A38241AF2}" sibTransId="{B0785A63-3BF2-4FFF-84CE-FB9B3800C49D}"/>
    <dgm:cxn modelId="{80AC3FF0-AF55-47BE-832C-3F48300272D4}" srcId="{0DA576AE-2ED1-4AC0-B6F0-BCA73A0F19D7}" destId="{7694CDFC-B04A-4F53-B1BD-334EF83F1634}" srcOrd="1" destOrd="0" parTransId="{9AC89508-D48F-41DA-9BC6-FA5C27564EF8}" sibTransId="{324E43B1-F70F-4F6A-9B21-69E067FFC9E9}"/>
    <dgm:cxn modelId="{6E552EF9-B4F7-4B08-B326-635DCCB5DC03}" type="presOf" srcId="{F422248D-5B83-4E99-BD07-765F859E41CA}" destId="{1519DFE7-153C-4473-AAC8-F22538823F09}" srcOrd="0" destOrd="0" presId="urn:microsoft.com/office/officeart/2008/layout/LinedList"/>
    <dgm:cxn modelId="{EF33F0FF-B1C0-4D85-948A-B2598592B3C3}" type="presOf" srcId="{9D249E34-8B92-4A8D-AE19-00793F177347}" destId="{1D5FF6FA-D649-4701-A931-1803FB02E790}" srcOrd="0" destOrd="0" presId="urn:microsoft.com/office/officeart/2008/layout/LinedList"/>
    <dgm:cxn modelId="{ECA9ECDC-5A3D-4C37-ADB7-0FB530807ABC}" type="presParOf" srcId="{1519DFE7-153C-4473-AAC8-F22538823F09}" destId="{EB7E6A31-CA73-453A-88E9-6013055B849F}" srcOrd="0" destOrd="0" presId="urn:microsoft.com/office/officeart/2008/layout/LinedList"/>
    <dgm:cxn modelId="{E47446AB-CF48-41B8-9888-0404999AE93D}" type="presParOf" srcId="{1519DFE7-153C-4473-AAC8-F22538823F09}" destId="{CFF6B99B-181A-4334-B4A5-34254262CE2F}" srcOrd="1" destOrd="0" presId="urn:microsoft.com/office/officeart/2008/layout/LinedList"/>
    <dgm:cxn modelId="{EB9D80E6-0772-4119-9A46-CD32AD3990C9}" type="presParOf" srcId="{CFF6B99B-181A-4334-B4A5-34254262CE2F}" destId="{DCC37704-3F1E-4C4B-93C3-0E8FA971DFCA}" srcOrd="0" destOrd="0" presId="urn:microsoft.com/office/officeart/2008/layout/LinedList"/>
    <dgm:cxn modelId="{048CC5FA-037A-421B-8233-E706864E3380}" type="presParOf" srcId="{CFF6B99B-181A-4334-B4A5-34254262CE2F}" destId="{76E5731F-40F4-46E2-806F-D88898C41404}" srcOrd="1" destOrd="0" presId="urn:microsoft.com/office/officeart/2008/layout/LinedList"/>
    <dgm:cxn modelId="{0EE8EF03-4AC2-49ED-9A42-AB6A2C844E2C}" type="presParOf" srcId="{76E5731F-40F4-46E2-806F-D88898C41404}" destId="{94DA42A5-9317-4A8F-9E2C-80920C517FA1}" srcOrd="0" destOrd="0" presId="urn:microsoft.com/office/officeart/2008/layout/LinedList"/>
    <dgm:cxn modelId="{EC68FF0A-028C-4F7C-9D2D-306E6891BDC4}" type="presParOf" srcId="{76E5731F-40F4-46E2-806F-D88898C41404}" destId="{0E1EDC8D-B0F9-41DD-AF8C-BD7F07DCBA98}" srcOrd="1" destOrd="0" presId="urn:microsoft.com/office/officeart/2008/layout/LinedList"/>
    <dgm:cxn modelId="{EAF3FDEF-5E98-4BD8-96FE-925EE84B57DA}" type="presParOf" srcId="{0E1EDC8D-B0F9-41DD-AF8C-BD7F07DCBA98}" destId="{C8533743-2118-4C7A-9E86-40192F9BC097}" srcOrd="0" destOrd="0" presId="urn:microsoft.com/office/officeart/2008/layout/LinedList"/>
    <dgm:cxn modelId="{78D194C8-B44D-4C64-BFDA-BE1FD8F9D886}" type="presParOf" srcId="{0E1EDC8D-B0F9-41DD-AF8C-BD7F07DCBA98}" destId="{BE9C14DC-858F-438A-8383-C8C7D457B633}" srcOrd="1" destOrd="0" presId="urn:microsoft.com/office/officeart/2008/layout/LinedList"/>
    <dgm:cxn modelId="{FC969E53-16B5-48C5-A198-933D16A779CF}" type="presParOf" srcId="{0E1EDC8D-B0F9-41DD-AF8C-BD7F07DCBA98}" destId="{A65898E7-2956-42F9-B530-310F9AD35DF5}" srcOrd="2" destOrd="0" presId="urn:microsoft.com/office/officeart/2008/layout/LinedList"/>
    <dgm:cxn modelId="{7FEDC48F-3A9F-457E-89E5-5E4D578E54E0}" type="presParOf" srcId="{A65898E7-2956-42F9-B530-310F9AD35DF5}" destId="{BDB99F42-B494-4B9E-8853-549BFBBFF66B}" srcOrd="0" destOrd="0" presId="urn:microsoft.com/office/officeart/2008/layout/LinedList"/>
    <dgm:cxn modelId="{4DBAC527-842A-4214-9181-24FEF2CE995A}" type="presParOf" srcId="{BDB99F42-B494-4B9E-8853-549BFBBFF66B}" destId="{4AEEB10F-291B-4254-807E-66351F321BA8}" srcOrd="0" destOrd="0" presId="urn:microsoft.com/office/officeart/2008/layout/LinedList"/>
    <dgm:cxn modelId="{D3D6FA5C-F0EB-4870-A99F-6EAED0463B1D}" type="presParOf" srcId="{BDB99F42-B494-4B9E-8853-549BFBBFF66B}" destId="{7D664651-DB3B-470D-B90C-0F62B4982D56}" srcOrd="1" destOrd="0" presId="urn:microsoft.com/office/officeart/2008/layout/LinedList"/>
    <dgm:cxn modelId="{576A248F-7E3C-4798-8F79-42B877B6C89F}" type="presParOf" srcId="{BDB99F42-B494-4B9E-8853-549BFBBFF66B}" destId="{7625BF84-DD05-43ED-A76C-FA9E5B787851}" srcOrd="2" destOrd="0" presId="urn:microsoft.com/office/officeart/2008/layout/LinedList"/>
    <dgm:cxn modelId="{BCE59489-74C9-4E5F-BC20-0C22CD66101C}" type="presParOf" srcId="{A65898E7-2956-42F9-B530-310F9AD35DF5}" destId="{C9452449-9A6C-4341-AFA2-DB3BE4B63E43}" srcOrd="1" destOrd="0" presId="urn:microsoft.com/office/officeart/2008/layout/LinedList"/>
    <dgm:cxn modelId="{B6132B33-0366-4824-9EAC-8360E4ED6BB4}" type="presParOf" srcId="{A65898E7-2956-42F9-B530-310F9AD35DF5}" destId="{F85B943C-3399-4741-9249-9F11860F32D6}" srcOrd="2" destOrd="0" presId="urn:microsoft.com/office/officeart/2008/layout/LinedList"/>
    <dgm:cxn modelId="{FE46461B-DFF2-4A96-93C0-4C6BD5B8EE71}" type="presParOf" srcId="{F85B943C-3399-4741-9249-9F11860F32D6}" destId="{6D28BD82-284E-4EFD-83FF-BEA8483205CE}" srcOrd="0" destOrd="0" presId="urn:microsoft.com/office/officeart/2008/layout/LinedList"/>
    <dgm:cxn modelId="{418DFED1-405D-4C27-A341-C0CFD0145235}" type="presParOf" srcId="{F85B943C-3399-4741-9249-9F11860F32D6}" destId="{6A65F34C-2F4A-4339-9E74-424FD6B5F82A}" srcOrd="1" destOrd="0" presId="urn:microsoft.com/office/officeart/2008/layout/LinedList"/>
    <dgm:cxn modelId="{08CB2DC6-0896-493A-8B9D-C11ECF5522E6}" type="presParOf" srcId="{F85B943C-3399-4741-9249-9F11860F32D6}" destId="{25812B18-436E-4F92-A8AA-3619D04147EC}" srcOrd="2" destOrd="0" presId="urn:microsoft.com/office/officeart/2008/layout/LinedList"/>
    <dgm:cxn modelId="{EE1584E2-F536-4A8B-AA6B-26E19EB5C5F7}" type="presParOf" srcId="{76E5731F-40F4-46E2-806F-D88898C41404}" destId="{BBFF80DE-6E18-4B46-9BFE-63CB76DF45AC}" srcOrd="2" destOrd="0" presId="urn:microsoft.com/office/officeart/2008/layout/LinedList"/>
    <dgm:cxn modelId="{8A03CFCB-8EEB-43E4-9951-F79175C62D47}" type="presParOf" srcId="{76E5731F-40F4-46E2-806F-D88898C41404}" destId="{683F19E2-F755-4111-B4D0-19718231A243}" srcOrd="3" destOrd="0" presId="urn:microsoft.com/office/officeart/2008/layout/LinedList"/>
    <dgm:cxn modelId="{4F39E79B-50E5-4E92-8427-74446F3A9FEC}" type="presParOf" srcId="{76E5731F-40F4-46E2-806F-D88898C41404}" destId="{E9230EDD-FE22-42A8-82BD-D97B04FEC67E}" srcOrd="4" destOrd="0" presId="urn:microsoft.com/office/officeart/2008/layout/LinedList"/>
    <dgm:cxn modelId="{8D8B28EF-F626-48F0-9FCC-A505D3D84099}" type="presParOf" srcId="{E9230EDD-FE22-42A8-82BD-D97B04FEC67E}" destId="{621AD8A6-72D4-4C4A-8B41-BA5736FA41B6}" srcOrd="0" destOrd="0" presId="urn:microsoft.com/office/officeart/2008/layout/LinedList"/>
    <dgm:cxn modelId="{56E264FA-974A-423C-8A27-11ADFC1EBE94}" type="presParOf" srcId="{E9230EDD-FE22-42A8-82BD-D97B04FEC67E}" destId="{9EDBF8FD-D351-4C1F-BE95-31A9F426806C}" srcOrd="1" destOrd="0" presId="urn:microsoft.com/office/officeart/2008/layout/LinedList"/>
    <dgm:cxn modelId="{182271B3-E8FD-4F87-82F1-71046CD17F5F}" type="presParOf" srcId="{E9230EDD-FE22-42A8-82BD-D97B04FEC67E}" destId="{6CC59778-9A0B-442E-B332-0890DA581721}" srcOrd="2" destOrd="0" presId="urn:microsoft.com/office/officeart/2008/layout/LinedList"/>
    <dgm:cxn modelId="{D924B649-0A58-4D2E-ADBE-9C28A14389DB}" type="presParOf" srcId="{6CC59778-9A0B-442E-B332-0890DA581721}" destId="{383181D1-F8CB-4D0A-B61B-1FE209A41980}" srcOrd="0" destOrd="0" presId="urn:microsoft.com/office/officeart/2008/layout/LinedList"/>
    <dgm:cxn modelId="{384364FE-7065-4342-95E9-62C4D8614083}" type="presParOf" srcId="{383181D1-F8CB-4D0A-B61B-1FE209A41980}" destId="{BFF8A889-02D5-4EA2-8B54-18FB1ED9FB59}" srcOrd="0" destOrd="0" presId="urn:microsoft.com/office/officeart/2008/layout/LinedList"/>
    <dgm:cxn modelId="{CA4815AF-B7E1-4327-B5A2-3D31CC6113DC}" type="presParOf" srcId="{383181D1-F8CB-4D0A-B61B-1FE209A41980}" destId="{69BE9811-2880-4521-9A03-14891C153FFA}" srcOrd="1" destOrd="0" presId="urn:microsoft.com/office/officeart/2008/layout/LinedList"/>
    <dgm:cxn modelId="{F33EF129-1153-4B80-AF90-DA1B62F9AC4E}" type="presParOf" srcId="{383181D1-F8CB-4D0A-B61B-1FE209A41980}" destId="{A5F6D57B-D607-442F-9448-2C00C6D231B6}" srcOrd="2" destOrd="0" presId="urn:microsoft.com/office/officeart/2008/layout/LinedList"/>
    <dgm:cxn modelId="{D2906FB4-99D1-4CDC-BC83-C15A7171D67E}" type="presParOf" srcId="{6CC59778-9A0B-442E-B332-0890DA581721}" destId="{7DA30486-0DD4-4D85-A470-E59677DF5B3C}" srcOrd="1" destOrd="0" presId="urn:microsoft.com/office/officeart/2008/layout/LinedList"/>
    <dgm:cxn modelId="{A5A52A35-84D5-49B0-8FF5-0F12A4D24006}" type="presParOf" srcId="{6CC59778-9A0B-442E-B332-0890DA581721}" destId="{50475847-8F97-44DB-978C-970512902258}" srcOrd="2" destOrd="0" presId="urn:microsoft.com/office/officeart/2008/layout/LinedList"/>
    <dgm:cxn modelId="{F7C31257-C594-46E3-8DA7-50955D47348B}" type="presParOf" srcId="{50475847-8F97-44DB-978C-970512902258}" destId="{BDC8A79B-CC1D-4C17-8A79-857B23B5281A}" srcOrd="0" destOrd="0" presId="urn:microsoft.com/office/officeart/2008/layout/LinedList"/>
    <dgm:cxn modelId="{394F8A61-5FCA-470B-BE13-051A211DD3A6}" type="presParOf" srcId="{50475847-8F97-44DB-978C-970512902258}" destId="{BA368493-01EC-42D9-8A78-30757C62671B}" srcOrd="1" destOrd="0" presId="urn:microsoft.com/office/officeart/2008/layout/LinedList"/>
    <dgm:cxn modelId="{FB3E5784-B698-4C06-8FB0-B3FCBB8493BD}" type="presParOf" srcId="{50475847-8F97-44DB-978C-970512902258}" destId="{F23F9C4B-198A-4B92-8969-9329B66FEE53}" srcOrd="2" destOrd="0" presId="urn:microsoft.com/office/officeart/2008/layout/LinedList"/>
    <dgm:cxn modelId="{E2D83C44-6F27-4528-9888-7DF7792C6DFB}" type="presParOf" srcId="{76E5731F-40F4-46E2-806F-D88898C41404}" destId="{7DF5BA33-88B1-4663-81A5-D89986A72F0B}" srcOrd="5" destOrd="0" presId="urn:microsoft.com/office/officeart/2008/layout/LinedList"/>
    <dgm:cxn modelId="{E2C386D6-A158-4842-AF95-0D91ECD46CDF}" type="presParOf" srcId="{76E5731F-40F4-46E2-806F-D88898C41404}" destId="{99C70722-8BCD-40E7-92EE-6A38D56C6BE0}" srcOrd="6" destOrd="0" presId="urn:microsoft.com/office/officeart/2008/layout/LinedList"/>
    <dgm:cxn modelId="{F3CF35C5-6AFC-47BA-8C3D-13A470DEB67A}" type="presParOf" srcId="{76E5731F-40F4-46E2-806F-D88898C41404}" destId="{761BA59C-75E0-4860-B677-3CD3E2CD789F}" srcOrd="7" destOrd="0" presId="urn:microsoft.com/office/officeart/2008/layout/LinedList"/>
    <dgm:cxn modelId="{CB3B6830-DC7F-4C89-BD7E-9B14EF473838}" type="presParOf" srcId="{761BA59C-75E0-4860-B677-3CD3E2CD789F}" destId="{BFFB180E-1D0A-47B0-B0E0-49A417539393}" srcOrd="0" destOrd="0" presId="urn:microsoft.com/office/officeart/2008/layout/LinedList"/>
    <dgm:cxn modelId="{2ACDE927-30CA-473A-94A5-25109797587F}" type="presParOf" srcId="{761BA59C-75E0-4860-B677-3CD3E2CD789F}" destId="{1D5FF6FA-D649-4701-A931-1803FB02E790}" srcOrd="1" destOrd="0" presId="urn:microsoft.com/office/officeart/2008/layout/LinedList"/>
    <dgm:cxn modelId="{33FA4360-5AA9-4166-BF60-623CD1EE1C13}" type="presParOf" srcId="{761BA59C-75E0-4860-B677-3CD3E2CD789F}" destId="{925EFFCB-F99B-460F-AA6F-B247E16BC045}" srcOrd="2" destOrd="0" presId="urn:microsoft.com/office/officeart/2008/layout/LinedList"/>
    <dgm:cxn modelId="{CE4B0944-18AD-4740-9634-586447614758}" type="presParOf" srcId="{925EFFCB-F99B-460F-AA6F-B247E16BC045}" destId="{F8E49180-4EB5-4877-815B-AC8DAD273BF6}" srcOrd="0" destOrd="0" presId="urn:microsoft.com/office/officeart/2008/layout/LinedList"/>
    <dgm:cxn modelId="{201BBF01-83CD-464A-9B02-30EE67547BB1}" type="presParOf" srcId="{F8E49180-4EB5-4877-815B-AC8DAD273BF6}" destId="{011A060D-98EC-48D8-AF21-01ABEF0D9110}" srcOrd="0" destOrd="0" presId="urn:microsoft.com/office/officeart/2008/layout/LinedList"/>
    <dgm:cxn modelId="{A17972B0-1E4D-48B9-8306-6AFC297E1031}" type="presParOf" srcId="{F8E49180-4EB5-4877-815B-AC8DAD273BF6}" destId="{E723200E-F12B-44F8-8625-E5AB2199CFD0}" srcOrd="1" destOrd="0" presId="urn:microsoft.com/office/officeart/2008/layout/LinedList"/>
    <dgm:cxn modelId="{E03E7B8D-8206-4EB8-9DB8-37F5EE345EBC}" type="presParOf" srcId="{F8E49180-4EB5-4877-815B-AC8DAD273BF6}" destId="{C3BCEEF6-E104-4E35-8FD4-BEC6806BEE34}" srcOrd="2" destOrd="0" presId="urn:microsoft.com/office/officeart/2008/layout/LinedList"/>
    <dgm:cxn modelId="{F6A8A9C2-3ED0-43EB-86C0-D6CF14F7FC5B}" type="presParOf" srcId="{76E5731F-40F4-46E2-806F-D88898C41404}" destId="{E90D127F-A42D-4139-8AE0-E467F5EDEFD6}" srcOrd="8" destOrd="0" presId="urn:microsoft.com/office/officeart/2008/layout/LinedList"/>
    <dgm:cxn modelId="{0557C12E-7B23-4CB3-BB74-AF89B09DEFF0}" type="presParOf" srcId="{76E5731F-40F4-46E2-806F-D88898C41404}" destId="{7CB9E0F3-C6A7-4649-AC14-A8CF323EDF67}" srcOrd="9" destOrd="0" presId="urn:microsoft.com/office/officeart/2008/layout/LinedList"/>
    <dgm:cxn modelId="{907015DE-638E-43B5-9745-8F331221BA81}" type="presParOf" srcId="{76E5731F-40F4-46E2-806F-D88898C41404}" destId="{24303034-6787-4FE5-A7F3-C35D652542E4}" srcOrd="10" destOrd="0" presId="urn:microsoft.com/office/officeart/2008/layout/LinedList"/>
    <dgm:cxn modelId="{AEC550D3-0C7E-43D5-A654-E2A7B7A56C79}" type="presParOf" srcId="{24303034-6787-4FE5-A7F3-C35D652542E4}" destId="{1627613B-34AA-4E0F-BC47-4BA9C6D88E4D}" srcOrd="0" destOrd="0" presId="urn:microsoft.com/office/officeart/2008/layout/LinedList"/>
    <dgm:cxn modelId="{0195B250-9552-476A-B66A-4A7B2949F8AF}" type="presParOf" srcId="{24303034-6787-4FE5-A7F3-C35D652542E4}" destId="{E9A45CA2-40DC-4097-BAFB-F4F91D491E47}" srcOrd="1" destOrd="0" presId="urn:microsoft.com/office/officeart/2008/layout/LinedList"/>
    <dgm:cxn modelId="{E0C10C18-1EC4-4A4E-BF8D-E8D73B616B41}" type="presParOf" srcId="{24303034-6787-4FE5-A7F3-C35D652542E4}" destId="{EC0C40A1-4B36-49E2-9D59-8A1BB88B0D1B}" srcOrd="2" destOrd="0" presId="urn:microsoft.com/office/officeart/2008/layout/LinedList"/>
    <dgm:cxn modelId="{BD4D5C45-42AF-47A0-B4E8-4D6CEB77DEFD}" type="presParOf" srcId="{EC0C40A1-4B36-49E2-9D59-8A1BB88B0D1B}" destId="{2ADCEA99-CFA3-4023-9624-49E566D10F72}" srcOrd="0" destOrd="0" presId="urn:microsoft.com/office/officeart/2008/layout/LinedList"/>
    <dgm:cxn modelId="{3C88D831-711F-47AB-BB9A-E7A4DB0888C2}" type="presParOf" srcId="{2ADCEA99-CFA3-4023-9624-49E566D10F72}" destId="{B0E85973-9163-45A1-A662-E6D52E1983AC}" srcOrd="0" destOrd="0" presId="urn:microsoft.com/office/officeart/2008/layout/LinedList"/>
    <dgm:cxn modelId="{3E3E5572-3866-46BC-B201-98470DAAA483}" type="presParOf" srcId="{2ADCEA99-CFA3-4023-9624-49E566D10F72}" destId="{9087B046-9B0D-4156-B76F-423371A5905E}" srcOrd="1" destOrd="0" presId="urn:microsoft.com/office/officeart/2008/layout/LinedList"/>
    <dgm:cxn modelId="{E4A7AE42-26B9-4EAE-ABA2-253EBAB5F3D3}" type="presParOf" srcId="{2ADCEA99-CFA3-4023-9624-49E566D10F72}" destId="{B87AD7DE-E665-4FEC-B8C6-27821811061B}" srcOrd="2" destOrd="0" presId="urn:microsoft.com/office/officeart/2008/layout/LinedList"/>
    <dgm:cxn modelId="{84CBCC0D-E822-4046-9FB2-3BCFAC93F404}" type="presParOf" srcId="{76E5731F-40F4-46E2-806F-D88898C41404}" destId="{1899C289-C1DD-401B-B5D6-679B3E792C56}" srcOrd="11" destOrd="0" presId="urn:microsoft.com/office/officeart/2008/layout/LinedList"/>
    <dgm:cxn modelId="{7E48A948-F033-4D87-9CF7-9866E54F3121}" type="presParOf" srcId="{76E5731F-40F4-46E2-806F-D88898C41404}" destId="{6CA97CE8-3CB6-4749-B118-E76D9011D31C}" srcOrd="12" destOrd="0" presId="urn:microsoft.com/office/officeart/2008/layout/LinedList"/>
  </dgm:cxnLst>
  <dgm:bg/>
  <dgm:whole/>
  <dgm:extLst>
    <a:ext uri="http://schemas.microsoft.com/office/drawing/2008/diagram">
      <dsp:dataModelExt xmlns:dsp="http://schemas.microsoft.com/office/drawing/2008/diagram" relId="rId6" minVer="http://schemas.openxmlformats.org/drawingml/2006/diagram"/>
    </a:ext>
    <a:ext uri="{C62137D5-CB1D-491B-B009-E17868A290BF}">
      <dgm14:recolorImg xmlns:dgm14="http://schemas.microsoft.com/office/drawing/2010/diagram" val="1"/>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19BE9CC-6BCD-4394-A6EE-851522C64C15}">
      <dsp:nvSpPr>
        <dsp:cNvPr id="0" name=""/>
        <dsp:cNvSpPr/>
      </dsp:nvSpPr>
      <dsp:spPr>
        <a:xfrm>
          <a:off x="5333" y="0"/>
          <a:ext cx="9301607" cy="1407000"/>
        </a:xfrm>
        <a:prstGeom prst="roundRect">
          <a:avLst>
            <a:gd name="adj" fmla="val 10000"/>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232410" tIns="232410" rIns="232410" bIns="232410" numCol="1" spcCol="1270" anchor="ctr" anchorCtr="0">
          <a:noAutofit/>
        </a:bodyPr>
        <a:lstStyle/>
        <a:p>
          <a:pPr marL="0" lvl="0" indent="0" algn="ctr" defTabSz="2711450">
            <a:lnSpc>
              <a:spcPct val="90000"/>
            </a:lnSpc>
            <a:spcBef>
              <a:spcPct val="0"/>
            </a:spcBef>
            <a:spcAft>
              <a:spcPct val="35000"/>
            </a:spcAft>
            <a:buNone/>
          </a:pPr>
          <a:r>
            <a:rPr lang="en-US" sz="6100" kern="1200"/>
            <a:t>PIC18 Memory (Harvard)</a:t>
          </a:r>
          <a:endParaRPr lang="LID4096" sz="6100" kern="1200"/>
        </a:p>
      </dsp:txBody>
      <dsp:txXfrm>
        <a:off x="46543" y="41210"/>
        <a:ext cx="9219187" cy="1324580"/>
      </dsp:txXfrm>
    </dsp:sp>
    <dsp:sp modelId="{82C2F9F3-3904-48F0-A4D3-D93EFD7E6DD2}">
      <dsp:nvSpPr>
        <dsp:cNvPr id="0" name=""/>
        <dsp:cNvSpPr/>
      </dsp:nvSpPr>
      <dsp:spPr>
        <a:xfrm>
          <a:off x="5333" y="1594317"/>
          <a:ext cx="1771060" cy="1407000"/>
        </a:xfrm>
        <a:prstGeom prst="roundRect">
          <a:avLst>
            <a:gd name="adj" fmla="val 10000"/>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PROGRAM</a:t>
          </a:r>
          <a:endParaRPr lang="LID4096" sz="2200" kern="1200"/>
        </a:p>
      </dsp:txBody>
      <dsp:txXfrm>
        <a:off x="46543" y="1635527"/>
        <a:ext cx="1688640" cy="1324580"/>
      </dsp:txXfrm>
    </dsp:sp>
    <dsp:sp modelId="{1B20ED0D-049E-434B-B74E-3A2B3D8A82CC}">
      <dsp:nvSpPr>
        <dsp:cNvPr id="0" name=""/>
        <dsp:cNvSpPr/>
      </dsp:nvSpPr>
      <dsp:spPr>
        <a:xfrm>
          <a:off x="1925162" y="1569005"/>
          <a:ext cx="5461949" cy="1407000"/>
        </a:xfrm>
        <a:prstGeom prst="roundRect">
          <a:avLst>
            <a:gd name="adj" fmla="val 10000"/>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DATA</a:t>
          </a:r>
          <a:endParaRPr lang="LID4096" sz="2200" kern="1200"/>
        </a:p>
      </dsp:txBody>
      <dsp:txXfrm>
        <a:off x="1966372" y="1610215"/>
        <a:ext cx="5379529" cy="1324580"/>
      </dsp:txXfrm>
    </dsp:sp>
    <dsp:sp modelId="{06FCECD5-B524-4187-A0FF-977586A8254B}">
      <dsp:nvSpPr>
        <dsp:cNvPr id="0" name=""/>
        <dsp:cNvSpPr/>
      </dsp:nvSpPr>
      <dsp:spPr>
        <a:xfrm>
          <a:off x="1925162" y="3137443"/>
          <a:ext cx="1771060" cy="1407000"/>
        </a:xfrm>
        <a:prstGeom prst="roundRect">
          <a:avLst>
            <a:gd name="adj" fmla="val 10000"/>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dirty="0"/>
            <a:t>Banks</a:t>
          </a:r>
          <a:endParaRPr lang="LID4096" sz="2200" kern="1200" dirty="0"/>
        </a:p>
      </dsp:txBody>
      <dsp:txXfrm>
        <a:off x="1966372" y="3178653"/>
        <a:ext cx="1688640" cy="1324580"/>
      </dsp:txXfrm>
    </dsp:sp>
    <dsp:sp modelId="{EA7CA8A6-BA94-4D7F-86B7-62646C4BCD62}">
      <dsp:nvSpPr>
        <dsp:cNvPr id="0" name=""/>
        <dsp:cNvSpPr/>
      </dsp:nvSpPr>
      <dsp:spPr>
        <a:xfrm>
          <a:off x="3770607" y="3137443"/>
          <a:ext cx="1771060" cy="1407000"/>
        </a:xfrm>
        <a:prstGeom prst="roundRect">
          <a:avLst>
            <a:gd name="adj" fmla="val 10000"/>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Access </a:t>
          </a:r>
          <a:r>
            <a:rPr lang="en-US" sz="2200" kern="1200" dirty="0"/>
            <a:t>RAM</a:t>
          </a:r>
          <a:endParaRPr lang="LID4096" sz="2200" kern="1200" dirty="0"/>
        </a:p>
      </dsp:txBody>
      <dsp:txXfrm>
        <a:off x="3811817" y="3178653"/>
        <a:ext cx="1688640" cy="1324580"/>
      </dsp:txXfrm>
    </dsp:sp>
    <dsp:sp modelId="{89197030-320F-4E88-8CA0-527C8684ABE8}">
      <dsp:nvSpPr>
        <dsp:cNvPr id="0" name=""/>
        <dsp:cNvSpPr/>
      </dsp:nvSpPr>
      <dsp:spPr>
        <a:xfrm>
          <a:off x="5616052" y="3137443"/>
          <a:ext cx="1771060" cy="1407000"/>
        </a:xfrm>
        <a:prstGeom prst="roundRect">
          <a:avLst>
            <a:gd name="adj" fmla="val 10000"/>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dirty="0"/>
            <a:t>Fast </a:t>
          </a:r>
          <a:r>
            <a:rPr lang="en-US" sz="2200" kern="1200" dirty="0" err="1"/>
            <a:t>SFR</a:t>
          </a:r>
          <a:endParaRPr lang="LID4096" sz="2200" kern="1200" dirty="0"/>
        </a:p>
      </dsp:txBody>
      <dsp:txXfrm>
        <a:off x="5657262" y="3178653"/>
        <a:ext cx="1688640" cy="1324580"/>
      </dsp:txXfrm>
    </dsp:sp>
    <dsp:sp modelId="{A1E49E4D-37F7-442E-BBBA-3F5A0C7FBC5C}">
      <dsp:nvSpPr>
        <dsp:cNvPr id="0" name=""/>
        <dsp:cNvSpPr/>
      </dsp:nvSpPr>
      <dsp:spPr>
        <a:xfrm>
          <a:off x="7535881" y="1569005"/>
          <a:ext cx="1771060" cy="1407000"/>
        </a:xfrm>
        <a:prstGeom prst="roundRect">
          <a:avLst>
            <a:gd name="adj" fmla="val 10000"/>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EEPROM</a:t>
          </a:r>
          <a:endParaRPr lang="LID4096" sz="2200" kern="1200"/>
        </a:p>
      </dsp:txBody>
      <dsp:txXfrm>
        <a:off x="7577091" y="1610215"/>
        <a:ext cx="1688640" cy="132458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B7E6A31-CA73-453A-88E9-6013055B849F}">
      <dsp:nvSpPr>
        <dsp:cNvPr id="0" name=""/>
        <dsp:cNvSpPr/>
      </dsp:nvSpPr>
      <dsp:spPr>
        <a:xfrm>
          <a:off x="0" y="0"/>
          <a:ext cx="4408487" cy="0"/>
        </a:xfrm>
        <a:prstGeom prst="line">
          <a:avLst/>
        </a:prstGeom>
        <a:solidFill>
          <a:schemeClr val="lt1">
            <a:hueOff val="0"/>
            <a:satOff val="0"/>
            <a:lumOff val="0"/>
            <a:alphaOff val="0"/>
          </a:schemeClr>
        </a:solidFill>
        <a:ln w="25400" cap="flat" cmpd="sng" algn="ctr">
          <a:solidFill>
            <a:schemeClr val="dk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DCC37704-3F1E-4C4B-93C3-0E8FA971DFCA}">
      <dsp:nvSpPr>
        <dsp:cNvPr id="0" name=""/>
        <dsp:cNvSpPr/>
      </dsp:nvSpPr>
      <dsp:spPr>
        <a:xfrm>
          <a:off x="0" y="0"/>
          <a:ext cx="881697" cy="45466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20" tIns="45720" rIns="45720" bIns="45720" numCol="1" spcCol="1270" anchor="t" anchorCtr="0">
          <a:noAutofit/>
        </a:bodyPr>
        <a:lstStyle/>
        <a:p>
          <a:pPr marL="0" lvl="0" indent="0" algn="l" defTabSz="533400">
            <a:lnSpc>
              <a:spcPct val="90000"/>
            </a:lnSpc>
            <a:spcBef>
              <a:spcPct val="0"/>
            </a:spcBef>
            <a:spcAft>
              <a:spcPct val="35000"/>
            </a:spcAft>
            <a:buNone/>
          </a:pPr>
          <a:r>
            <a:rPr lang="en-US" sz="1200" kern="1200" dirty="0">
              <a:solidFill>
                <a:schemeClr val="tx2"/>
              </a:solidFill>
            </a:rPr>
            <a:t>Addressing Modes</a:t>
          </a:r>
          <a:endParaRPr lang="LID4096" sz="1200" kern="1200" dirty="0">
            <a:solidFill>
              <a:schemeClr val="tx2"/>
            </a:solidFill>
          </a:endParaRPr>
        </a:p>
      </dsp:txBody>
      <dsp:txXfrm>
        <a:off x="0" y="0"/>
        <a:ext cx="881697" cy="4546600"/>
      </dsp:txXfrm>
    </dsp:sp>
    <dsp:sp modelId="{BE9C14DC-858F-438A-8383-C8C7D457B633}">
      <dsp:nvSpPr>
        <dsp:cNvPr id="0" name=""/>
        <dsp:cNvSpPr/>
      </dsp:nvSpPr>
      <dsp:spPr>
        <a:xfrm>
          <a:off x="947824" y="53446"/>
          <a:ext cx="1697267" cy="10689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8110" tIns="118110" rIns="118110" bIns="118110" numCol="1" spcCol="1270" anchor="t" anchorCtr="0">
          <a:noAutofit/>
        </a:bodyPr>
        <a:lstStyle/>
        <a:p>
          <a:pPr marL="0" lvl="0" indent="0" algn="l" defTabSz="1377950">
            <a:lnSpc>
              <a:spcPct val="90000"/>
            </a:lnSpc>
            <a:spcBef>
              <a:spcPct val="0"/>
            </a:spcBef>
            <a:spcAft>
              <a:spcPct val="35000"/>
            </a:spcAft>
            <a:buNone/>
          </a:pPr>
          <a:r>
            <a:rPr lang="en-US" sz="3100" kern="1200">
              <a:solidFill>
                <a:schemeClr val="tx2"/>
              </a:solidFill>
            </a:rPr>
            <a:t>Inherent</a:t>
          </a:r>
          <a:endParaRPr lang="LID4096" sz="3100" kern="1200">
            <a:solidFill>
              <a:schemeClr val="tx2"/>
            </a:solidFill>
          </a:endParaRPr>
        </a:p>
      </dsp:txBody>
      <dsp:txXfrm>
        <a:off x="947824" y="53446"/>
        <a:ext cx="1697267" cy="1068939"/>
      </dsp:txXfrm>
    </dsp:sp>
    <dsp:sp modelId="{7D664651-DB3B-470D-B90C-0F62B4982D56}">
      <dsp:nvSpPr>
        <dsp:cNvPr id="0" name=""/>
        <dsp:cNvSpPr/>
      </dsp:nvSpPr>
      <dsp:spPr>
        <a:xfrm>
          <a:off x="2711219" y="53446"/>
          <a:ext cx="1697267" cy="53446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a:solidFill>
                <a:schemeClr val="tx2"/>
              </a:solidFill>
            </a:rPr>
            <a:t>No need for an address</a:t>
          </a:r>
          <a:endParaRPr lang="LID4096" sz="1500" kern="1200">
            <a:solidFill>
              <a:schemeClr val="tx2"/>
            </a:solidFill>
          </a:endParaRPr>
        </a:p>
      </dsp:txBody>
      <dsp:txXfrm>
        <a:off x="2711219" y="53446"/>
        <a:ext cx="1697267" cy="534469"/>
      </dsp:txXfrm>
    </dsp:sp>
    <dsp:sp modelId="{C9452449-9A6C-4341-AFA2-DB3BE4B63E43}">
      <dsp:nvSpPr>
        <dsp:cNvPr id="0" name=""/>
        <dsp:cNvSpPr/>
      </dsp:nvSpPr>
      <dsp:spPr>
        <a:xfrm>
          <a:off x="2645092" y="587916"/>
          <a:ext cx="1697267" cy="0"/>
        </a:xfrm>
        <a:prstGeom prst="line">
          <a:avLst/>
        </a:prstGeom>
        <a:solidFill>
          <a:schemeClr val="dk2">
            <a:hueOff val="0"/>
            <a:satOff val="0"/>
            <a:lumOff val="0"/>
            <a:alphaOff val="0"/>
          </a:schemeClr>
        </a:solidFill>
        <a:ln w="25400" cap="flat" cmpd="sng" algn="ctr">
          <a:solidFill>
            <a:schemeClr val="dk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6A65F34C-2F4A-4339-9E74-424FD6B5F82A}">
      <dsp:nvSpPr>
        <dsp:cNvPr id="0" name=""/>
        <dsp:cNvSpPr/>
      </dsp:nvSpPr>
      <dsp:spPr>
        <a:xfrm>
          <a:off x="2711219" y="587916"/>
          <a:ext cx="1697267" cy="53446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a:solidFill>
                <a:schemeClr val="tx2"/>
              </a:solidFill>
            </a:rPr>
            <a:t>SLEEP, RESET, DAW</a:t>
          </a:r>
          <a:endParaRPr lang="LID4096" sz="1500" kern="1200">
            <a:solidFill>
              <a:schemeClr val="tx2"/>
            </a:solidFill>
          </a:endParaRPr>
        </a:p>
      </dsp:txBody>
      <dsp:txXfrm>
        <a:off x="2711219" y="587916"/>
        <a:ext cx="1697267" cy="534469"/>
      </dsp:txXfrm>
    </dsp:sp>
    <dsp:sp modelId="{BBFF80DE-6E18-4B46-9BFE-63CB76DF45AC}">
      <dsp:nvSpPr>
        <dsp:cNvPr id="0" name=""/>
        <dsp:cNvSpPr/>
      </dsp:nvSpPr>
      <dsp:spPr>
        <a:xfrm>
          <a:off x="881697" y="1122386"/>
          <a:ext cx="3526789" cy="0"/>
        </a:xfrm>
        <a:prstGeom prst="line">
          <a:avLst/>
        </a:prstGeom>
        <a:solidFill>
          <a:schemeClr val="dk2">
            <a:hueOff val="0"/>
            <a:satOff val="0"/>
            <a:lumOff val="0"/>
            <a:alphaOff val="0"/>
          </a:schemeClr>
        </a:solidFill>
        <a:ln w="25400" cap="flat" cmpd="sng" algn="ctr">
          <a:solidFill>
            <a:schemeClr val="dk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9EDBF8FD-D351-4C1F-BE95-31A9F426806C}">
      <dsp:nvSpPr>
        <dsp:cNvPr id="0" name=""/>
        <dsp:cNvSpPr/>
      </dsp:nvSpPr>
      <dsp:spPr>
        <a:xfrm>
          <a:off x="947824" y="1175833"/>
          <a:ext cx="1697267" cy="10689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8110" tIns="118110" rIns="118110" bIns="118110" numCol="1" spcCol="1270" anchor="t" anchorCtr="0">
          <a:noAutofit/>
        </a:bodyPr>
        <a:lstStyle/>
        <a:p>
          <a:pPr marL="0" lvl="0" indent="0" algn="l" defTabSz="1377950">
            <a:lnSpc>
              <a:spcPct val="90000"/>
            </a:lnSpc>
            <a:spcBef>
              <a:spcPct val="0"/>
            </a:spcBef>
            <a:spcAft>
              <a:spcPct val="35000"/>
            </a:spcAft>
            <a:buNone/>
          </a:pPr>
          <a:r>
            <a:rPr lang="en-US" sz="3100" kern="1200">
              <a:solidFill>
                <a:schemeClr val="tx2"/>
              </a:solidFill>
            </a:rPr>
            <a:t>Literal</a:t>
          </a:r>
          <a:endParaRPr lang="LID4096" sz="3100" kern="1200">
            <a:solidFill>
              <a:schemeClr val="tx2"/>
            </a:solidFill>
          </a:endParaRPr>
        </a:p>
      </dsp:txBody>
      <dsp:txXfrm>
        <a:off x="947824" y="1175833"/>
        <a:ext cx="1697267" cy="1068939"/>
      </dsp:txXfrm>
    </dsp:sp>
    <dsp:sp modelId="{69BE9811-2880-4521-9A03-14891C153FFA}">
      <dsp:nvSpPr>
        <dsp:cNvPr id="0" name=""/>
        <dsp:cNvSpPr/>
      </dsp:nvSpPr>
      <dsp:spPr>
        <a:xfrm>
          <a:off x="2711219" y="1175833"/>
          <a:ext cx="1697267" cy="53446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a:solidFill>
                <a:schemeClr val="tx2"/>
              </a:solidFill>
            </a:rPr>
            <a:t>Explicit address is part of opcode</a:t>
          </a:r>
          <a:endParaRPr lang="LID4096" sz="1500" kern="1200">
            <a:solidFill>
              <a:schemeClr val="tx2"/>
            </a:solidFill>
          </a:endParaRPr>
        </a:p>
      </dsp:txBody>
      <dsp:txXfrm>
        <a:off x="2711219" y="1175833"/>
        <a:ext cx="1697267" cy="534469"/>
      </dsp:txXfrm>
    </dsp:sp>
    <dsp:sp modelId="{7DA30486-0DD4-4D85-A470-E59677DF5B3C}">
      <dsp:nvSpPr>
        <dsp:cNvPr id="0" name=""/>
        <dsp:cNvSpPr/>
      </dsp:nvSpPr>
      <dsp:spPr>
        <a:xfrm>
          <a:off x="2645092" y="1710303"/>
          <a:ext cx="1697267" cy="0"/>
        </a:xfrm>
        <a:prstGeom prst="line">
          <a:avLst/>
        </a:prstGeom>
        <a:solidFill>
          <a:schemeClr val="dk2">
            <a:hueOff val="0"/>
            <a:satOff val="0"/>
            <a:lumOff val="0"/>
            <a:alphaOff val="0"/>
          </a:schemeClr>
        </a:solidFill>
        <a:ln w="25400" cap="flat" cmpd="sng" algn="ctr">
          <a:solidFill>
            <a:schemeClr val="dk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BA368493-01EC-42D9-8A78-30757C62671B}">
      <dsp:nvSpPr>
        <dsp:cNvPr id="0" name=""/>
        <dsp:cNvSpPr/>
      </dsp:nvSpPr>
      <dsp:spPr>
        <a:xfrm>
          <a:off x="2711219" y="1710303"/>
          <a:ext cx="1697267" cy="53446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a:solidFill>
                <a:schemeClr val="tx2"/>
              </a:solidFill>
            </a:rPr>
            <a:t>ADDLW, MOVLW, CALL, GOTO</a:t>
          </a:r>
          <a:endParaRPr lang="LID4096" sz="1500" kern="1200">
            <a:solidFill>
              <a:schemeClr val="tx2"/>
            </a:solidFill>
          </a:endParaRPr>
        </a:p>
      </dsp:txBody>
      <dsp:txXfrm>
        <a:off x="2711219" y="1710303"/>
        <a:ext cx="1697267" cy="534469"/>
      </dsp:txXfrm>
    </dsp:sp>
    <dsp:sp modelId="{7DF5BA33-88B1-4663-81A5-D89986A72F0B}">
      <dsp:nvSpPr>
        <dsp:cNvPr id="0" name=""/>
        <dsp:cNvSpPr/>
      </dsp:nvSpPr>
      <dsp:spPr>
        <a:xfrm>
          <a:off x="881697" y="2244772"/>
          <a:ext cx="3526789" cy="0"/>
        </a:xfrm>
        <a:prstGeom prst="line">
          <a:avLst/>
        </a:prstGeom>
        <a:solidFill>
          <a:schemeClr val="dk2">
            <a:hueOff val="0"/>
            <a:satOff val="0"/>
            <a:lumOff val="0"/>
            <a:alphaOff val="0"/>
          </a:schemeClr>
        </a:solidFill>
        <a:ln w="25400" cap="flat" cmpd="sng" algn="ctr">
          <a:solidFill>
            <a:schemeClr val="dk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1D5FF6FA-D649-4701-A931-1803FB02E790}">
      <dsp:nvSpPr>
        <dsp:cNvPr id="0" name=""/>
        <dsp:cNvSpPr/>
      </dsp:nvSpPr>
      <dsp:spPr>
        <a:xfrm>
          <a:off x="947824" y="2298219"/>
          <a:ext cx="1697267" cy="10689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8110" tIns="118110" rIns="118110" bIns="118110" numCol="1" spcCol="1270" anchor="t" anchorCtr="0">
          <a:noAutofit/>
        </a:bodyPr>
        <a:lstStyle/>
        <a:p>
          <a:pPr marL="0" lvl="0" indent="0" algn="l" defTabSz="1377950">
            <a:lnSpc>
              <a:spcPct val="90000"/>
            </a:lnSpc>
            <a:spcBef>
              <a:spcPct val="0"/>
            </a:spcBef>
            <a:spcAft>
              <a:spcPct val="35000"/>
            </a:spcAft>
            <a:buNone/>
          </a:pPr>
          <a:r>
            <a:rPr lang="en-US" sz="3100" kern="1200">
              <a:solidFill>
                <a:schemeClr val="tx2"/>
              </a:solidFill>
            </a:rPr>
            <a:t>Direct</a:t>
          </a:r>
          <a:endParaRPr lang="LID4096" sz="3100" kern="1200">
            <a:solidFill>
              <a:schemeClr val="tx2"/>
            </a:solidFill>
          </a:endParaRPr>
        </a:p>
      </dsp:txBody>
      <dsp:txXfrm>
        <a:off x="947824" y="2298219"/>
        <a:ext cx="1697267" cy="1068939"/>
      </dsp:txXfrm>
    </dsp:sp>
    <dsp:sp modelId="{E723200E-F12B-44F8-8625-E5AB2199CFD0}">
      <dsp:nvSpPr>
        <dsp:cNvPr id="0" name=""/>
        <dsp:cNvSpPr/>
      </dsp:nvSpPr>
      <dsp:spPr>
        <a:xfrm>
          <a:off x="2711219" y="2298219"/>
          <a:ext cx="1697267" cy="10689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a:solidFill>
                <a:schemeClr val="tx2"/>
              </a:solidFill>
            </a:rPr>
            <a:t>All or part pf source/destination address in opcode</a:t>
          </a:r>
          <a:endParaRPr lang="LID4096" sz="1500" kern="1200" dirty="0">
            <a:solidFill>
              <a:schemeClr val="tx2"/>
            </a:solidFill>
          </a:endParaRPr>
        </a:p>
      </dsp:txBody>
      <dsp:txXfrm>
        <a:off x="2711219" y="2298219"/>
        <a:ext cx="1697267" cy="1068939"/>
      </dsp:txXfrm>
    </dsp:sp>
    <dsp:sp modelId="{E90D127F-A42D-4139-8AE0-E467F5EDEFD6}">
      <dsp:nvSpPr>
        <dsp:cNvPr id="0" name=""/>
        <dsp:cNvSpPr/>
      </dsp:nvSpPr>
      <dsp:spPr>
        <a:xfrm>
          <a:off x="881697" y="3367159"/>
          <a:ext cx="3526789" cy="0"/>
        </a:xfrm>
        <a:prstGeom prst="line">
          <a:avLst/>
        </a:prstGeom>
        <a:solidFill>
          <a:schemeClr val="dk2">
            <a:hueOff val="0"/>
            <a:satOff val="0"/>
            <a:lumOff val="0"/>
            <a:alphaOff val="0"/>
          </a:schemeClr>
        </a:solidFill>
        <a:ln w="25400" cap="flat" cmpd="sng" algn="ctr">
          <a:solidFill>
            <a:schemeClr val="dk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E9A45CA2-40DC-4097-BAFB-F4F91D491E47}">
      <dsp:nvSpPr>
        <dsp:cNvPr id="0" name=""/>
        <dsp:cNvSpPr/>
      </dsp:nvSpPr>
      <dsp:spPr>
        <a:xfrm>
          <a:off x="947824" y="3420606"/>
          <a:ext cx="1697267" cy="10689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8110" tIns="118110" rIns="118110" bIns="118110" numCol="1" spcCol="1270" anchor="t" anchorCtr="0">
          <a:noAutofit/>
        </a:bodyPr>
        <a:lstStyle/>
        <a:p>
          <a:pPr marL="0" lvl="0" indent="0" algn="l" defTabSz="1377950">
            <a:lnSpc>
              <a:spcPct val="90000"/>
            </a:lnSpc>
            <a:spcBef>
              <a:spcPct val="0"/>
            </a:spcBef>
            <a:spcAft>
              <a:spcPct val="35000"/>
            </a:spcAft>
            <a:buNone/>
          </a:pPr>
          <a:r>
            <a:rPr lang="en-US" sz="3100" kern="1200" dirty="0">
              <a:solidFill>
                <a:schemeClr val="tx2"/>
              </a:solidFill>
            </a:rPr>
            <a:t>Indirect</a:t>
          </a:r>
          <a:endParaRPr lang="LID4096" sz="3100" kern="1200" dirty="0">
            <a:solidFill>
              <a:schemeClr val="tx2"/>
            </a:solidFill>
          </a:endParaRPr>
        </a:p>
      </dsp:txBody>
      <dsp:txXfrm>
        <a:off x="947824" y="3420606"/>
        <a:ext cx="1697267" cy="1068939"/>
      </dsp:txXfrm>
    </dsp:sp>
    <dsp:sp modelId="{9087B046-9B0D-4156-B76F-423371A5905E}">
      <dsp:nvSpPr>
        <dsp:cNvPr id="0" name=""/>
        <dsp:cNvSpPr/>
      </dsp:nvSpPr>
      <dsp:spPr>
        <a:xfrm>
          <a:off x="2711219" y="3420606"/>
          <a:ext cx="1697267" cy="106893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solidFill>
                <a:schemeClr val="tx2"/>
              </a:solidFill>
            </a:rPr>
            <a:t>Use FSRs as pointers</a:t>
          </a:r>
          <a:endParaRPr lang="LID4096" sz="1500" kern="1200" dirty="0">
            <a:solidFill>
              <a:schemeClr val="tx2"/>
            </a:solidFill>
          </a:endParaRPr>
        </a:p>
      </dsp:txBody>
      <dsp:txXfrm>
        <a:off x="2711219" y="3420606"/>
        <a:ext cx="1697267" cy="1068939"/>
      </dsp:txXfrm>
    </dsp:sp>
    <dsp:sp modelId="{1899C289-C1DD-401B-B5D6-679B3E792C56}">
      <dsp:nvSpPr>
        <dsp:cNvPr id="0" name=""/>
        <dsp:cNvSpPr/>
      </dsp:nvSpPr>
      <dsp:spPr>
        <a:xfrm>
          <a:off x="881697" y="4489545"/>
          <a:ext cx="3526789" cy="0"/>
        </a:xfrm>
        <a:prstGeom prst="line">
          <a:avLst/>
        </a:prstGeom>
        <a:solidFill>
          <a:schemeClr val="dk2">
            <a:hueOff val="0"/>
            <a:satOff val="0"/>
            <a:lumOff val="0"/>
            <a:alphaOff val="0"/>
          </a:schemeClr>
        </a:solidFill>
        <a:ln w="25400" cap="flat" cmpd="sng" algn="ctr">
          <a:solidFill>
            <a:schemeClr val="dk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layout1.xml><?xml version="1.0" encoding="utf-8"?>
<dgm:layoutDef xmlns:dgm="http://schemas.openxmlformats.org/drawingml/2006/diagram" xmlns:a="http://schemas.openxmlformats.org/drawingml/2006/main" uniqueId="urn:microsoft.com/office/officeart/2005/8/layout/hierarchy4">
  <dgm:title val=""/>
  <dgm:desc val=""/>
  <dgm:catLst>
    <dgm:cat type="hierarchy" pri="4000"/>
    <dgm:cat type="list" pri="24000"/>
    <dgm:cat type="relationship" pri="10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Name0">
    <dgm:varLst>
      <dgm:chPref val="1"/>
      <dgm:dir/>
      <dgm:animOne val="branch"/>
      <dgm:animLvl val="lvl"/>
      <dgm:resizeHandles/>
    </dgm:varLst>
    <dgm:choose name="Name1">
      <dgm:if name="Name2" func="var" arg="dir" op="equ" val="norm">
        <dgm:alg type="lin">
          <dgm:param type="linDir" val="fromL"/>
          <dgm:param type="nodeVertAlign" val="t"/>
        </dgm:alg>
      </dgm:if>
      <dgm:else name="Name3">
        <dgm:alg type="lin">
          <dgm:param type="linDir" val="fromR"/>
          <dgm:param type="nodeVertAlign" val="t"/>
        </dgm:alg>
      </dgm:else>
    </dgm:choose>
    <dgm:shape xmlns:r="http://schemas.openxmlformats.org/officeDocument/2006/relationships" r:blip="">
      <dgm:adjLst/>
    </dgm:shape>
    <dgm:presOf/>
    <dgm:constrLst>
      <dgm:constr type="w" for="ch" forName="vertOne" refType="w"/>
      <dgm:constr type="w" for="des" forName="horzOne" refType="w"/>
      <dgm:constr type="w" for="des" forName="txOne" refType="w"/>
      <dgm:constr type="w" for="des" forName="vertTwo" refType="w"/>
      <dgm:constr type="w" for="des" forName="horzTwo" refType="w"/>
      <dgm:constr type="w" for="des" forName="txTwo" refType="w"/>
      <dgm:constr type="w" for="des" forName="vertThree" refType="w"/>
      <dgm:constr type="w" for="des" forName="horzThree" refType="w"/>
      <dgm:constr type="w" for="des" forName="txThree" refType="w"/>
      <dgm:constr type="w" for="des" forName="vertFour" refType="w"/>
      <dgm:constr type="w" for="des" forName="horzFour" refType="w"/>
      <dgm:constr type="w" for="des" forName="txFour" refType="w"/>
      <dgm:constr type="h" for="des" ptType="node" op="equ"/>
      <dgm:constr type="h" for="des" forName="txOne" refType="h"/>
      <dgm:constr type="userH" for="des" ptType="node" refType="h" refFor="des" refForName="txOne"/>
      <dgm:constr type="primFontSz" for="des" forName="txOne" val="65"/>
      <dgm:constr type="primFontSz" for="des" forName="txTwo" val="65"/>
      <dgm:constr type="primFontSz" for="des" forName="txTwo" refType="primFontSz" refFor="des" refForName="txOne" op="lte"/>
      <dgm:constr type="primFontSz" for="des" forName="txThree" val="65"/>
      <dgm:constr type="primFontSz" for="des" forName="txThree" refType="primFontSz" refFor="des" refForName="txOne" op="lte"/>
      <dgm:constr type="primFontSz" for="des" forName="txThree" refType="primFontSz" refFor="des" refForName="txTwo" op="lte"/>
      <dgm:constr type="primFontSz" for="des" forName="txFour" val="65"/>
      <dgm:constr type="primFontSz" for="des" forName="txFour" refType="primFontSz" refFor="des" refForName="txOne" op="lte"/>
      <dgm:constr type="primFontSz" for="des" forName="txFour" refType="primFontSz" refFor="des" refForName="txTwo" op="lte"/>
      <dgm:constr type="primFontSz" for="des" forName="txFour" refType="primFontSz" refFor="des" refForName="txThree" op="lte"/>
      <dgm:constr type="w" for="des" forName="sibSpaceOne" refType="w" fact="0.168"/>
      <dgm:constr type="w" for="des" forName="sibSpaceTwo" refType="w" refFor="des" refForName="sibSpaceOne" op="equ" fact="0.5"/>
      <dgm:constr type="w" for="des" forName="sibSpaceThree" refType="w" refFor="des" refForName="sibSpaceTwo" op="equ" fact="0.5"/>
      <dgm:constr type="w" for="des" forName="sibSpaceFour" refType="w" refFor="des" refForName="sibSpaceThree" op="equ" fact="0.5"/>
      <dgm:constr type="h" for="des" forName="parTransOne" refType="w" fact="0.056"/>
      <dgm:constr type="h" for="des" forName="parTransTwo" refType="h" refFor="des" refForName="parTransOne" op="equ"/>
      <dgm:constr type="h" for="des" forName="parTransThree" refType="h" refFor="des" refForName="parTransTwo" op="equ"/>
      <dgm:constr type="h" for="des" forName="parTransFour" refType="h" refFor="des" refForName="parTransThree" op="equ"/>
    </dgm:constrLst>
    <dgm:ruleLst/>
    <dgm:forEach name="Name4" axis="ch" ptType="node">
      <dgm:layoutNode name="vertOne">
        <dgm:alg type="lin">
          <dgm:param type="linDir" val="fromT"/>
        </dgm:alg>
        <dgm:shape xmlns:r="http://schemas.openxmlformats.org/officeDocument/2006/relationships" r:blip="">
          <dgm:adjLst/>
        </dgm:shape>
        <dgm:presOf/>
        <dgm:constrLst>
          <dgm:constr type="w" for="ch" forName="txOne" refType="w" refFor="ch" refForName="horzOne" op="gte"/>
        </dgm:constrLst>
        <dgm:ruleLst/>
        <dgm:layoutNode name="txOn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5">
          <dgm:if name="Name6" axis="des" ptType="node" func="cnt" op="gt" val="0">
            <dgm:layoutNode name="parTransOne">
              <dgm:alg type="sp"/>
              <dgm:shape xmlns:r="http://schemas.openxmlformats.org/officeDocument/2006/relationships" r:blip="">
                <dgm:adjLst/>
              </dgm:shape>
              <dgm:presOf/>
              <dgm:constrLst/>
              <dgm:ruleLst/>
            </dgm:layoutNode>
          </dgm:if>
          <dgm:else name="Name7"/>
        </dgm:choose>
        <dgm:layoutNode name="horzOne">
          <dgm:choose name="Name8">
            <dgm:if name="Name9" func="var" arg="dir" op="equ" val="norm">
              <dgm:alg type="lin">
                <dgm:param type="linDir" val="fromL"/>
                <dgm:param type="nodeVertAlign" val="t"/>
              </dgm:alg>
            </dgm:if>
            <dgm:else name="Name1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1" axis="ch" ptType="node">
            <dgm:layoutNode name="vertTwo">
              <dgm:alg type="lin">
                <dgm:param type="linDir" val="fromT"/>
              </dgm:alg>
              <dgm:shape xmlns:r="http://schemas.openxmlformats.org/officeDocument/2006/relationships" r:blip="">
                <dgm:adjLst/>
              </dgm:shape>
              <dgm:presOf/>
              <dgm:constrLst>
                <dgm:constr type="w" for="ch" forName="txTwo" refType="w" refFor="ch" refForName="horzTwo" op="gte"/>
              </dgm:constrLst>
              <dgm:ruleLst/>
              <dgm:layoutNode name="txTwo">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2">
                <dgm:if name="Name13" axis="des" ptType="node" func="cnt" op="gt" val="0">
                  <dgm:layoutNode name="parTransTwo">
                    <dgm:alg type="sp"/>
                    <dgm:shape xmlns:r="http://schemas.openxmlformats.org/officeDocument/2006/relationships" r:blip="">
                      <dgm:adjLst/>
                    </dgm:shape>
                    <dgm:presOf/>
                    <dgm:constrLst/>
                    <dgm:ruleLst/>
                  </dgm:layoutNode>
                </dgm:if>
                <dgm:else name="Name14"/>
              </dgm:choose>
              <dgm:layoutNode name="horzTwo">
                <dgm:choose name="Name15">
                  <dgm:if name="Name16" func="var" arg="dir" op="equ" val="norm">
                    <dgm:alg type="lin">
                      <dgm:param type="linDir" val="fromL"/>
                      <dgm:param type="nodeVertAlign" val="t"/>
                    </dgm:alg>
                  </dgm:if>
                  <dgm:else name="Name17">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8" axis="ch" ptType="node">
                  <dgm:layoutNode name="vertThree">
                    <dgm:alg type="lin">
                      <dgm:param type="linDir" val="fromT"/>
                    </dgm:alg>
                    <dgm:shape xmlns:r="http://schemas.openxmlformats.org/officeDocument/2006/relationships" r:blip="">
                      <dgm:adjLst/>
                    </dgm:shape>
                    <dgm:presOf/>
                    <dgm:constrLst>
                      <dgm:constr type="w" for="ch" forName="txThree" refType="w" refFor="ch" refForName="horzThree" op="gte"/>
                    </dgm:constrLst>
                    <dgm:ruleLst/>
                    <dgm:layoutNode name="txThree">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9">
                      <dgm:if name="Name20" axis="des" ptType="node" func="cnt" op="gt" val="0">
                        <dgm:layoutNode name="parTransThree">
                          <dgm:alg type="sp"/>
                          <dgm:shape xmlns:r="http://schemas.openxmlformats.org/officeDocument/2006/relationships" r:blip="">
                            <dgm:adjLst/>
                          </dgm:shape>
                          <dgm:presOf/>
                          <dgm:constrLst/>
                          <dgm:ruleLst/>
                        </dgm:layoutNode>
                      </dgm:if>
                      <dgm:else name="Name21"/>
                    </dgm:choose>
                    <dgm:layoutNode name="horzThree">
                      <dgm:choose name="Name22">
                        <dgm:if name="Name23" func="var" arg="dir" op="equ" val="norm">
                          <dgm:alg type="lin">
                            <dgm:param type="linDir" val="fromL"/>
                            <dgm:param type="nodeVertAlign" val="t"/>
                          </dgm:alg>
                        </dgm:if>
                        <dgm:else name="Name24">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repeat" axis="ch" ptType="node">
                        <dgm:layoutNode name="vertFour">
                          <dgm:varLst>
                            <dgm:chPref val="3"/>
                          </dgm:varLst>
                          <dgm:alg type="lin">
                            <dgm:param type="linDir" val="fromT"/>
                          </dgm:alg>
                          <dgm:shape xmlns:r="http://schemas.openxmlformats.org/officeDocument/2006/relationships" r:blip="">
                            <dgm:adjLst/>
                          </dgm:shape>
                          <dgm:presOf/>
                          <dgm:constrLst>
                            <dgm:constr type="w" for="ch" forName="txFour" refType="w" refFor="ch" refForName="horzFour" op="gte"/>
                          </dgm:constrLst>
                          <dgm:ruleLst/>
                          <dgm:layoutNode name="txFour">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25">
                            <dgm:if name="Name26" axis="des" ptType="node" func="cnt" op="gt" val="0">
                              <dgm:layoutNode name="parTransFour">
                                <dgm:alg type="sp"/>
                                <dgm:shape xmlns:r="http://schemas.openxmlformats.org/officeDocument/2006/relationships" r:blip="">
                                  <dgm:adjLst/>
                                </dgm:shape>
                                <dgm:presOf/>
                                <dgm:constrLst/>
                                <dgm:ruleLst/>
                              </dgm:layoutNode>
                            </dgm:if>
                            <dgm:else name="Name27"/>
                          </dgm:choose>
                          <dgm:layoutNode name="horzFour">
                            <dgm:choose name="Name28">
                              <dgm:if name="Name29" func="var" arg="dir" op="equ" val="norm">
                                <dgm:alg type="lin">
                                  <dgm:param type="linDir" val="fromL"/>
                                  <dgm:param type="nodeVertAlign" val="t"/>
                                </dgm:alg>
                              </dgm:if>
                              <dgm:else name="Name3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31" ref="repeat"/>
                          </dgm:layoutNode>
                        </dgm:layoutNode>
                        <dgm:choose name="Name32">
                          <dgm:if name="Name33" axis="self" ptType="node" func="revPos" op="gte" val="2">
                            <dgm:forEach name="Name34" axis="followSib" ptType="sibTrans" cnt="1">
                              <dgm:layoutNode name="sibSpaceFour">
                                <dgm:alg type="sp"/>
                                <dgm:shape xmlns:r="http://schemas.openxmlformats.org/officeDocument/2006/relationships" r:blip="">
                                  <dgm:adjLst/>
                                </dgm:shape>
                                <dgm:presOf/>
                                <dgm:constrLst/>
                                <dgm:ruleLst/>
                              </dgm:layoutNode>
                            </dgm:forEach>
                          </dgm:if>
                          <dgm:else name="Name35"/>
                        </dgm:choose>
                      </dgm:forEach>
                    </dgm:layoutNode>
                  </dgm:layoutNode>
                  <dgm:choose name="Name36">
                    <dgm:if name="Name37" axis="self" ptType="node" func="revPos" op="gte" val="2">
                      <dgm:forEach name="Name38" axis="followSib" ptType="sibTrans" cnt="1">
                        <dgm:layoutNode name="sibSpaceThree">
                          <dgm:alg type="sp"/>
                          <dgm:shape xmlns:r="http://schemas.openxmlformats.org/officeDocument/2006/relationships" r:blip="">
                            <dgm:adjLst/>
                          </dgm:shape>
                          <dgm:presOf/>
                          <dgm:constrLst/>
                          <dgm:ruleLst/>
                        </dgm:layoutNode>
                      </dgm:forEach>
                    </dgm:if>
                    <dgm:else name="Name39"/>
                  </dgm:choose>
                </dgm:forEach>
              </dgm:layoutNode>
            </dgm:layoutNode>
            <dgm:choose name="Name40">
              <dgm:if name="Name41" axis="self" ptType="node" func="revPos" op="gte" val="2">
                <dgm:forEach name="Name42" axis="followSib" ptType="sibTrans" cnt="1">
                  <dgm:layoutNode name="sibSpaceTwo">
                    <dgm:alg type="sp"/>
                    <dgm:shape xmlns:r="http://schemas.openxmlformats.org/officeDocument/2006/relationships" r:blip="">
                      <dgm:adjLst/>
                    </dgm:shape>
                    <dgm:presOf/>
                    <dgm:constrLst/>
                    <dgm:ruleLst/>
                  </dgm:layoutNode>
                </dgm:forEach>
              </dgm:if>
              <dgm:else name="Name43"/>
            </dgm:choose>
          </dgm:forEach>
        </dgm:layoutNode>
      </dgm:layoutNode>
      <dgm:choose name="Name44">
        <dgm:if name="Name45" axis="self" ptType="node" func="revPos" op="gte" val="2">
          <dgm:forEach name="Name46" axis="followSib" ptType="sibTrans" cnt="1">
            <dgm:layoutNode name="sibSpaceOne">
              <dgm:alg type="sp"/>
              <dgm:shape xmlns:r="http://schemas.openxmlformats.org/officeDocument/2006/relationships" r:blip="">
                <dgm:adjLst/>
              </dgm:shape>
              <dgm:presOf/>
              <dgm:constrLst/>
              <dgm:ruleLst/>
            </dgm:layoutNode>
          </dgm:forEach>
        </dgm:if>
        <dgm:else name="Name47"/>
      </dgm:choose>
    </dgm:forEach>
  </dgm:layoutNode>
</dgm:layoutDef>
</file>

<file path=ppt/diagrams/layout2.xml><?xml version="1.0" encoding="utf-8"?>
<dgm:layoutDef xmlns:dgm="http://schemas.openxmlformats.org/drawingml/2006/diagram" xmlns:a="http://schemas.openxmlformats.org/drawingml/2006/main" uniqueId="urn:microsoft.com/office/officeart/2008/layout/LinedList">
  <dgm:title val=""/>
  <dgm:desc val=""/>
  <dgm:catLst>
    <dgm:cat type="hierarchy" pri="8000"/>
    <dgm:cat type="list" pri="25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clrData>
  <dgm:layoutNode name="vert0">
    <dgm:varLst>
      <dgm:dir/>
      <dgm:animOne val="branch"/>
      <dgm:animLvl val="lvl"/>
    </dgm:varLst>
    <dgm:choose name="Name0">
      <dgm:if name="Name1"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onstrLst>
      <dgm:constr type="w" for="ch" forName="horz1" refType="w"/>
      <dgm:constr type="h" for="ch" forName="horz1" refType="h"/>
      <dgm:constr type="h" for="des" forName="vert1" refType="h"/>
      <dgm:constr type="h" for="des" forName="tx1" refType="h"/>
      <dgm:constr type="h" for="des" forName="horz2" refType="h"/>
      <dgm:constr type="h" for="des" forName="vert2" refType="h"/>
      <dgm:constr type="h" for="des" forName="horz3" refType="h"/>
      <dgm:constr type="h" for="des" forName="vert3" refType="h"/>
      <dgm:constr type="h" for="des" forName="horz4" refType="h"/>
      <dgm:constr type="h" for="des" ptType="node" refType="h"/>
      <dgm:constr type="primFontSz" for="des" forName="tx1" op="equ" val="65"/>
      <dgm:constr type="primFontSz" for="des" forName="tx2" op="equ" val="65"/>
      <dgm:constr type="primFontSz" for="des" forName="tx3" op="equ" val="65"/>
      <dgm:constr type="primFontSz" for="des" forName="tx4" op="equ" val="65"/>
      <dgm:constr type="w" for="des" forName="thickLine" refType="w"/>
      <dgm:constr type="h" for="des" forName="thickLine"/>
      <dgm:constr type="h" for="des" forName="thinLine1"/>
      <dgm:constr type="h" for="des" forName="thinLine2b"/>
      <dgm:constr type="h" for="des" forName="thinLine3"/>
      <dgm:constr type="h" for="des" forName="vertSpace2a" refType="h" fact="0.05"/>
      <dgm:constr type="h" for="des" forName="vertSpace2b" refType="h" refFor="des" refForName="vertSpace2a"/>
    </dgm:constrLst>
    <dgm:forEach name="Name3" axis="ch" ptType="node">
      <dgm:layoutNode name="thickLine" styleLbl="alignNode1">
        <dgm:alg type="sp"/>
        <dgm:shape xmlns:r="http://schemas.openxmlformats.org/officeDocument/2006/relationships" type="line" r:blip="">
          <dgm:adjLst/>
        </dgm:shape>
        <dgm:presOf/>
      </dgm:layoutNode>
      <dgm:layoutNode name="horz1">
        <dgm:choose name="Name4">
          <dgm:if name="Name5" func="var" arg="dir" op="equ" val="norm">
            <dgm:alg type="lin">
              <dgm:param type="linDir" val="fromL"/>
              <dgm:param type="nodeVertAlign" val="t"/>
            </dgm:alg>
          </dgm:if>
          <dgm:else name="Name6">
            <dgm:alg type="lin">
              <dgm:param type="linDir" val="fromR"/>
              <dgm:param type="nodeVertAlign" val="t"/>
            </dgm:alg>
          </dgm:else>
        </dgm:choose>
        <dgm:shape xmlns:r="http://schemas.openxmlformats.org/officeDocument/2006/relationships" r:blip="">
          <dgm:adjLst/>
        </dgm:shape>
        <dgm:presOf/>
        <dgm:choose name="Name7">
          <dgm:if name="Name8" axis="root des" func="maxDepth" op="equ" val="1">
            <dgm:constrLst>
              <dgm:constr type="w" for="ch" forName="tx1" refType="w"/>
            </dgm:constrLst>
          </dgm:if>
          <dgm:if name="Name9" axis="root des" func="maxDepth" op="equ" val="2">
            <dgm:constrLst>
              <dgm:constr type="w" for="ch" forName="tx1" refType="w" fact="0.2"/>
              <dgm:constr type="w" for="des" forName="tx2" refType="w" fact="0.785"/>
              <dgm:constr type="w" for="des" forName="horzSpace2" refType="w" fact="0.015"/>
              <dgm:constr type="w" for="des" forName="thinLine2b" refType="w" fact="0.8"/>
            </dgm:constrLst>
          </dgm:if>
          <dgm:if name="Name10" axis="root des" func="maxDepth" op="equ" val="3">
            <dgm:constrLst>
              <dgm:constr type="w" for="ch" forName="tx1" refType="w" fact="0.2"/>
              <dgm:constr type="w" for="des" forName="tx2" refType="w" fact="0.385"/>
              <dgm:constr type="w" for="des" forName="tx3" refType="w" fact="0.385"/>
              <dgm:constr type="w" for="des" forName="horzSpace2" refType="w" fact="0.015"/>
              <dgm:constr type="w" for="des" forName="horzSpace3" refType="w" fact="0.015"/>
              <dgm:constr type="w" for="des" forName="thinLine2b" refType="w" fact="0.8"/>
              <dgm:constr type="w" for="des" forName="thinLine3" refType="w" fact="0.385"/>
            </dgm:constrLst>
          </dgm:if>
          <dgm:if name="Name11" axis="root des" func="maxDepth" op="gte" val="4">
            <dgm:constrLst>
              <dgm:constr type="w" for="ch" forName="tx1" refType="w" fact="0.2"/>
              <dgm:constr type="w" for="des" forName="tx2" refType="w" fact="0.2516"/>
              <dgm:constr type="w" for="des" forName="tx3" refType="w" fact="0.2516"/>
              <dgm:constr type="w" for="des" forName="tx4" refType="w" fact="0.2516"/>
              <dgm:constr type="w" for="des" forName="horzSpace2" refType="w" fact="0.015"/>
              <dgm:constr type="w" for="des" forName="horzSpace3" refType="w" fact="0.015"/>
              <dgm:constr type="w" for="des" forName="horzSpace4" refType="w" fact="0.015"/>
              <dgm:constr type="w" for="des" forName="thinLine2b" refType="w" fact="0.8"/>
              <dgm:constr type="w" for="des" forName="thinLine3" refType="w" fact="0.5332"/>
            </dgm:constrLst>
          </dgm:if>
          <dgm:else name="Name12"/>
        </dgm:choose>
        <dgm:layoutNode name="tx1"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1">
          <dgm:choose name="Name13">
            <dgm:if name="Name14" func="var" arg="dir" op="equ" val="norm">
              <dgm:alg type="lin">
                <dgm:param type="linDir" val="fromT"/>
                <dgm:param type="nodeHorzAlign" val="l"/>
              </dgm:alg>
            </dgm:if>
            <dgm:else name="Name15">
              <dgm:alg type="lin">
                <dgm:param type="linDir" val="fromT"/>
                <dgm:param type="nodeHorzAlign" val="r"/>
              </dgm:alg>
            </dgm:else>
          </dgm:choose>
          <dgm:shape xmlns:r="http://schemas.openxmlformats.org/officeDocument/2006/relationships" r:blip="">
            <dgm:adjLst/>
          </dgm:shape>
          <dgm:presOf/>
          <dgm:forEach name="Name16" axis="ch" ptType="node">
            <dgm:choose name="Name17">
              <dgm:if name="Name18" axis="self" ptType="node" func="pos" op="equ" val="1">
                <dgm:layoutNode name="vertSpace2a">
                  <dgm:alg type="sp"/>
                  <dgm:shape xmlns:r="http://schemas.openxmlformats.org/officeDocument/2006/relationships" r:blip="">
                    <dgm:adjLst/>
                  </dgm:shape>
                  <dgm:presOf/>
                </dgm:layoutNode>
              </dgm:if>
              <dgm:else name="Name19"/>
            </dgm:choose>
            <dgm:layoutNode name="horz2">
              <dgm:choose name="Name20">
                <dgm:if name="Name21" func="var" arg="dir" op="equ" val="norm">
                  <dgm:alg type="lin">
                    <dgm:param type="linDir" val="fromL"/>
                    <dgm:param type="nodeVertAlign" val="t"/>
                  </dgm:alg>
                </dgm:if>
                <dgm:else name="Name22">
                  <dgm:alg type="lin">
                    <dgm:param type="linDir" val="fromR"/>
                    <dgm:param type="nodeVertAlign" val="t"/>
                  </dgm:alg>
                </dgm:else>
              </dgm:choose>
              <dgm:shape xmlns:r="http://schemas.openxmlformats.org/officeDocument/2006/relationships" r:blip="">
                <dgm:adjLst/>
              </dgm:shape>
              <dgm:presOf/>
              <dgm:layoutNode name="horzSpace2">
                <dgm:alg type="sp"/>
                <dgm:shape xmlns:r="http://schemas.openxmlformats.org/officeDocument/2006/relationships" r:blip="">
                  <dgm:adjLst/>
                </dgm:shape>
                <dgm:presOf/>
              </dgm:layoutNode>
              <dgm:layoutNode name="tx2"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2">
                <dgm:choose name="Name23">
                  <dgm:if name="Name24" func="var" arg="dir" op="equ" val="norm">
                    <dgm:alg type="lin">
                      <dgm:param type="linDir" val="fromT"/>
                      <dgm:param type="nodeHorzAlign" val="l"/>
                    </dgm:alg>
                  </dgm:if>
                  <dgm:else name="Name25">
                    <dgm:alg type="lin">
                      <dgm:param type="linDir" val="fromT"/>
                      <dgm:param type="nodeHorzAlign" val="r"/>
                    </dgm:alg>
                  </dgm:else>
                </dgm:choose>
                <dgm:shape xmlns:r="http://schemas.openxmlformats.org/officeDocument/2006/relationships" r:blip="">
                  <dgm:adjLst/>
                </dgm:shape>
                <dgm:presOf/>
                <dgm:forEach name="Name26" axis="ch" ptType="node">
                  <dgm:layoutNode name="horz3">
                    <dgm:choose name="Name27">
                      <dgm:if name="Name28" func="var" arg="dir" op="equ" val="norm">
                        <dgm:alg type="lin">
                          <dgm:param type="linDir" val="fromL"/>
                          <dgm:param type="nodeVertAlign" val="t"/>
                        </dgm:alg>
                      </dgm:if>
                      <dgm:else name="Name29">
                        <dgm:alg type="lin">
                          <dgm:param type="linDir" val="fromR"/>
                          <dgm:param type="nodeVertAlign" val="t"/>
                        </dgm:alg>
                      </dgm:else>
                    </dgm:choose>
                    <dgm:shape xmlns:r="http://schemas.openxmlformats.org/officeDocument/2006/relationships" r:blip="">
                      <dgm:adjLst/>
                    </dgm:shape>
                    <dgm:presOf/>
                    <dgm:layoutNode name="horzSpace3">
                      <dgm:alg type="sp"/>
                      <dgm:shape xmlns:r="http://schemas.openxmlformats.org/officeDocument/2006/relationships" r:blip="">
                        <dgm:adjLst/>
                      </dgm:shape>
                      <dgm:presOf/>
                    </dgm:layoutNode>
                    <dgm:layoutNode name="tx3"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3">
                      <dgm:choose name="Name30">
                        <dgm:if name="Name31" func="var" arg="dir" op="equ" val="norm">
                          <dgm:alg type="lin">
                            <dgm:param type="linDir" val="fromT"/>
                            <dgm:param type="nodeHorzAlign" val="l"/>
                          </dgm:alg>
                        </dgm:if>
                        <dgm:else name="Name32">
                          <dgm:alg type="lin">
                            <dgm:param type="linDir" val="fromT"/>
                            <dgm:param type="nodeHorzAlign" val="r"/>
                          </dgm:alg>
                        </dgm:else>
                      </dgm:choose>
                      <dgm:shape xmlns:r="http://schemas.openxmlformats.org/officeDocument/2006/relationships" r:blip="">
                        <dgm:adjLst/>
                      </dgm:shape>
                      <dgm:presOf/>
                      <dgm:forEach name="Name33" axis="ch" ptType="node">
                        <dgm:layoutNode name="horz4">
                          <dgm:choose name="Name34">
                            <dgm:if name="Name35" func="var" arg="dir" op="equ" val="norm">
                              <dgm:alg type="lin">
                                <dgm:param type="linDir" val="fromL"/>
                                <dgm:param type="nodeVertAlign" val="t"/>
                              </dgm:alg>
                            </dgm:if>
                            <dgm:else name="Name36">
                              <dgm:alg type="lin">
                                <dgm:param type="linDir" val="fromR"/>
                                <dgm:param type="nodeVertAlign" val="t"/>
                              </dgm:alg>
                            </dgm:else>
                          </dgm:choose>
                          <dgm:shape xmlns:r="http://schemas.openxmlformats.org/officeDocument/2006/relationships" r:blip="">
                            <dgm:adjLst/>
                          </dgm:shape>
                          <dgm:presOf/>
                          <dgm:layoutNode name="horzSpace4">
                            <dgm:alg type="sp"/>
                            <dgm:shape xmlns:r="http://schemas.openxmlformats.org/officeDocument/2006/relationships" r:blip="">
                              <dgm:adjLst/>
                            </dgm:shape>
                            <dgm:presOf/>
                          </dgm:layoutNode>
                          <dgm:layoutNode name="tx4" styleLbl="revTx">
                            <dgm:varLst>
                              <dgm:bulletEnabled val="1"/>
                            </dgm:varLst>
                            <dgm:alg type="tx">
                              <dgm:param type="parTxLTRAlign" val="l"/>
                              <dgm:param type="parTxRTLAlign" val="r"/>
                              <dgm:param type="txAnchorVert" val="t"/>
                            </dgm:alg>
                            <dgm:shape xmlns:r="http://schemas.openxmlformats.org/officeDocument/2006/relationships" type="rect" r:blip="">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dgm:layoutNode>
                  </dgm:layoutNode>
                  <dgm:forEach name="Name37" axis="followSib" ptType="sibTrans" cnt="1">
                    <dgm:layoutNode name="thinLine3" styleLbl="callout">
                      <dgm:alg type="sp"/>
                      <dgm:shape xmlns:r="http://schemas.openxmlformats.org/officeDocument/2006/relationships" type="line" r:blip="">
                        <dgm:adjLst/>
                      </dgm:shape>
                      <dgm:presOf/>
                    </dgm:layoutNode>
                  </dgm:forEach>
                </dgm:forEach>
              </dgm:layoutNode>
            </dgm:layoutNode>
            <dgm:layoutNode name="thinLine2b" styleLbl="callout">
              <dgm:alg type="sp"/>
              <dgm:shape xmlns:r="http://schemas.openxmlformats.org/officeDocument/2006/relationships" type="line" r:blip="">
                <dgm:adjLst/>
              </dgm:shape>
              <dgm:presOf/>
            </dgm:layoutNode>
            <dgm:layoutNode name="vertSpace2b">
              <dgm:alg type="sp"/>
              <dgm:shape xmlns:r="http://schemas.openxmlformats.org/officeDocument/2006/relationships" r:blip="">
                <dgm:adjLst/>
              </dgm:shape>
              <dgm:presOf/>
            </dgm:layoutNode>
          </dgm:forEach>
        </dgm:layoutNode>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rgbClr val="2F3EEA"/>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pic>
        <p:nvPicPr>
          <p:cNvPr id="6" name="Picture 5" descr="Logo, company name&#10;&#10;Description automatically generated">
            <a:extLst>
              <a:ext uri="{FF2B5EF4-FFF2-40B4-BE49-F238E27FC236}">
                <a16:creationId xmlns:a16="http://schemas.microsoft.com/office/drawing/2014/main" id="{781B051C-8F21-5821-89F0-29DA57896CF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18542" y="213776"/>
            <a:ext cx="694944" cy="694944"/>
          </a:xfrm>
          <a:prstGeom prst="rect">
            <a:avLst/>
          </a:prstGeom>
        </p:spPr>
      </p:pic>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bg>
      <p:bgPr>
        <a:solidFill>
          <a:srgbClr val="2F3EEA"/>
        </a:solidFill>
        <a:effectLst/>
      </p:bgPr>
    </p:bg>
    <p:spTree>
      <p:nvGrpSpPr>
        <p:cNvPr id="1" name=""/>
        <p:cNvGrpSpPr/>
        <p:nvPr/>
      </p:nvGrpSpPr>
      <p:grpSpPr>
        <a:xfrm>
          <a:off x="0" y="0"/>
          <a:ext cx="0" cy="0"/>
          <a:chOff x="0" y="0"/>
          <a:chExt cx="0" cy="0"/>
        </a:xfrm>
      </p:grpSpPr>
      <p:pic>
        <p:nvPicPr>
          <p:cNvPr id="3" name="Picture 2" descr="Logo, company name&#10;&#10;Description automatically generated">
            <a:extLst>
              <a:ext uri="{FF2B5EF4-FFF2-40B4-BE49-F238E27FC236}">
                <a16:creationId xmlns:a16="http://schemas.microsoft.com/office/drawing/2014/main" id="{6BB53C92-6C44-2392-A33C-D9CC539612B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114006" y="1447800"/>
            <a:ext cx="3962400" cy="3962400"/>
          </a:xfrm>
          <a:prstGeom prst="rect">
            <a:avLst/>
          </a:prstGeom>
        </p:spPr>
      </p:pic>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2F3EEA"/>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2F3EEA"/>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pic>
        <p:nvPicPr>
          <p:cNvPr id="3" name="Picture 2" descr="Logo, company name&#10;&#10;Description automatically generated">
            <a:extLst>
              <a:ext uri="{FF2B5EF4-FFF2-40B4-BE49-F238E27FC236}">
                <a16:creationId xmlns:a16="http://schemas.microsoft.com/office/drawing/2014/main" id="{A7399BEB-799A-86D6-2CC5-DB9C483E64C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115530" y="1449324"/>
            <a:ext cx="3959352" cy="3959352"/>
          </a:xfrm>
          <a:prstGeom prst="rect">
            <a:avLst/>
          </a:prstGeom>
        </p:spPr>
      </p:pic>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rgbClr val="2F3EEA"/>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rgbClr val="2F3EEA"/>
                </a:solidFill>
              </a:defRPr>
            </a:lvl1pPr>
          </a:lstStyle>
          <a:p>
            <a:pPr lvl="0"/>
            <a:r>
              <a:rPr lang="en-US" noProof="0"/>
              <a:t>Click to edit Master subtitle style</a:t>
            </a:r>
            <a:endParaRPr lang="en-GB" noProof="0"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solidFill>
                  <a:srgbClr val="2F3EEA"/>
                </a:solidFill>
              </a:defRPr>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solidFill>
                  <a:srgbClr val="2F3EEA"/>
                </a:solidFill>
              </a:defRPr>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image" Target="../media/image1.png"/><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2F3EEA"/>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2F3EEA"/>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pic>
        <p:nvPicPr>
          <p:cNvPr id="8" name="Picture 7" descr="Logo, company name&#10;&#10;Description automatically generated">
            <a:extLst>
              <a:ext uri="{FF2B5EF4-FFF2-40B4-BE49-F238E27FC236}">
                <a16:creationId xmlns:a16="http://schemas.microsoft.com/office/drawing/2014/main" id="{EE8F52A2-1A23-6C66-47CE-AFC2B30A766C}"/>
              </a:ext>
            </a:extLst>
          </p:cNvPr>
          <p:cNvPicPr>
            <a:picLocks noChangeAspect="1"/>
          </p:cNvPicPr>
          <p:nvPr userDrawn="1"/>
        </p:nvPicPr>
        <p:blipFill>
          <a:blip r:embed="rId13" cstate="print">
            <a:extLst>
              <a:ext uri="{28A0092B-C50C-407E-A947-70E740481C1C}">
                <a14:useLocalDpi xmlns:a14="http://schemas.microsoft.com/office/drawing/2010/main" val="0"/>
              </a:ext>
            </a:extLst>
          </a:blip>
          <a:stretch>
            <a:fillRect/>
          </a:stretch>
        </p:blipFill>
        <p:spPr>
          <a:xfrm>
            <a:off x="112806" y="208684"/>
            <a:ext cx="697998" cy="697998"/>
          </a:xfrm>
          <a:prstGeom prst="rect">
            <a:avLst/>
          </a:prstGeom>
        </p:spPr>
      </p:pic>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2F3EEA"/>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2"/>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2"/>
          </a:solidFill>
          <a:latin typeface="+mn-lt"/>
          <a:ea typeface="+mn-ea"/>
        </a:defRPr>
      </a:lvl2pPr>
      <a:lvl3pPr marL="615600" indent="-198000" algn="l" rtl="0" eaLnBrk="1" fontAlgn="base" hangingPunct="1">
        <a:spcBef>
          <a:spcPct val="20000"/>
        </a:spcBef>
        <a:spcAft>
          <a:spcPct val="0"/>
        </a:spcAft>
        <a:buChar char="•"/>
        <a:defRPr sz="1800">
          <a:solidFill>
            <a:schemeClr val="tx2"/>
          </a:solidFill>
          <a:latin typeface="+mn-lt"/>
          <a:ea typeface="+mn-ea"/>
        </a:defRPr>
      </a:lvl3pPr>
      <a:lvl4pPr marL="828000" indent="-198000" algn="l" rtl="0" eaLnBrk="1" fontAlgn="base" hangingPunct="1">
        <a:spcBef>
          <a:spcPct val="20000"/>
        </a:spcBef>
        <a:spcAft>
          <a:spcPct val="0"/>
        </a:spcAft>
        <a:buChar char="–"/>
        <a:defRPr sz="1800">
          <a:solidFill>
            <a:schemeClr val="tx2"/>
          </a:solidFill>
          <a:latin typeface="+mn-lt"/>
          <a:ea typeface="+mn-ea"/>
        </a:defRPr>
      </a:lvl4pPr>
      <a:lvl5pPr marL="1026000" indent="-198000" algn="l" rtl="0" eaLnBrk="1" fontAlgn="base" hangingPunct="1">
        <a:spcBef>
          <a:spcPct val="20000"/>
        </a:spcBef>
        <a:spcAft>
          <a:spcPct val="0"/>
        </a:spcAft>
        <a:buChar char="»"/>
        <a:defRPr sz="1800">
          <a:solidFill>
            <a:schemeClr val="tx2"/>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png"/><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12.png"/><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8" Type="http://schemas.openxmlformats.org/officeDocument/2006/relationships/image" Target="../media/image6.svg"/><Relationship Id="rId3" Type="http://schemas.openxmlformats.org/officeDocument/2006/relationships/diagramLayout" Target="../diagrams/layout1.xml"/><Relationship Id="rId7" Type="http://schemas.openxmlformats.org/officeDocument/2006/relationships/image" Target="../media/image5.png"/><Relationship Id="rId2" Type="http://schemas.openxmlformats.org/officeDocument/2006/relationships/diagramData" Target="../diagrams/data1.xml"/><Relationship Id="rId1" Type="http://schemas.openxmlformats.org/officeDocument/2006/relationships/slideLayout" Target="../slideLayouts/slideLayout3.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4.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8FFC53D-E7E8-BD61-23B9-990A1E4FFC17}"/>
              </a:ext>
            </a:extLst>
          </p:cNvPr>
          <p:cNvSpPr>
            <a:spLocks noGrp="1"/>
          </p:cNvSpPr>
          <p:nvPr>
            <p:ph type="title"/>
          </p:nvPr>
        </p:nvSpPr>
        <p:spPr/>
        <p:txBody>
          <a:bodyPr/>
          <a:lstStyle/>
          <a:p>
            <a:r>
              <a:rPr lang="en-US"/>
              <a:t>CONFIGURATION BITS</a:t>
            </a:r>
            <a:endParaRPr lang="LID4096"/>
          </a:p>
        </p:txBody>
      </p:sp>
      <p:pic>
        <p:nvPicPr>
          <p:cNvPr id="6" name="Content Placeholder 5">
            <a:extLst>
              <a:ext uri="{FF2B5EF4-FFF2-40B4-BE49-F238E27FC236}">
                <a16:creationId xmlns:a16="http://schemas.microsoft.com/office/drawing/2014/main" id="{84CDACE2-7E0D-F058-BA4B-3D260FD63217}"/>
              </a:ext>
            </a:extLst>
          </p:cNvPr>
          <p:cNvPicPr>
            <a:picLocks noGrp="1" noChangeAspect="1"/>
          </p:cNvPicPr>
          <p:nvPr>
            <p:ph idx="1"/>
          </p:nvPr>
        </p:nvPicPr>
        <p:blipFill>
          <a:blip r:embed="rId2"/>
          <a:stretch>
            <a:fillRect/>
          </a:stretch>
        </p:blipFill>
        <p:spPr>
          <a:xfrm>
            <a:off x="1774825" y="2321030"/>
            <a:ext cx="9312275" cy="3316078"/>
          </a:xfrm>
        </p:spPr>
      </p:pic>
      <p:sp>
        <p:nvSpPr>
          <p:cNvPr id="4" name="Slide Number Placeholder 3">
            <a:extLst>
              <a:ext uri="{FF2B5EF4-FFF2-40B4-BE49-F238E27FC236}">
                <a16:creationId xmlns:a16="http://schemas.microsoft.com/office/drawing/2014/main" id="{5A4F4CA3-0561-B0B3-DFC6-3F30276C68AC}"/>
              </a:ext>
            </a:extLst>
          </p:cNvPr>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318232392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096327-6D85-FA1D-AEBA-2C27C5F53A88}"/>
              </a:ext>
            </a:extLst>
          </p:cNvPr>
          <p:cNvSpPr>
            <a:spLocks noGrp="1"/>
          </p:cNvSpPr>
          <p:nvPr>
            <p:ph type="title"/>
          </p:nvPr>
        </p:nvSpPr>
        <p:spPr/>
        <p:txBody>
          <a:bodyPr/>
          <a:lstStyle/>
          <a:p>
            <a:r>
              <a:rPr lang="en-US"/>
              <a:t>CONFIGURATION BITS</a:t>
            </a:r>
            <a:endParaRPr lang="LID4096"/>
          </a:p>
        </p:txBody>
      </p:sp>
      <p:pic>
        <p:nvPicPr>
          <p:cNvPr id="6" name="Content Placeholder 5">
            <a:extLst>
              <a:ext uri="{FF2B5EF4-FFF2-40B4-BE49-F238E27FC236}">
                <a16:creationId xmlns:a16="http://schemas.microsoft.com/office/drawing/2014/main" id="{2EB56071-B913-5972-1505-F606B7F5B933}"/>
              </a:ext>
            </a:extLst>
          </p:cNvPr>
          <p:cNvPicPr>
            <a:picLocks noGrp="1" noChangeAspect="1"/>
          </p:cNvPicPr>
          <p:nvPr>
            <p:ph sz="half" idx="1"/>
          </p:nvPr>
        </p:nvPicPr>
        <p:blipFill>
          <a:blip r:embed="rId2"/>
          <a:stretch>
            <a:fillRect/>
          </a:stretch>
        </p:blipFill>
        <p:spPr>
          <a:xfrm>
            <a:off x="1774825" y="2246262"/>
            <a:ext cx="4410075" cy="3467202"/>
          </a:xfrm>
        </p:spPr>
      </p:pic>
      <p:pic>
        <p:nvPicPr>
          <p:cNvPr id="9" name="Content Placeholder 8">
            <a:extLst>
              <a:ext uri="{FF2B5EF4-FFF2-40B4-BE49-F238E27FC236}">
                <a16:creationId xmlns:a16="http://schemas.microsoft.com/office/drawing/2014/main" id="{3A8DC5F8-BC3C-8A83-B359-FB8A6EAEB609}"/>
              </a:ext>
            </a:extLst>
          </p:cNvPr>
          <p:cNvPicPr>
            <a:picLocks noGrp="1" noChangeAspect="1"/>
          </p:cNvPicPr>
          <p:nvPr>
            <p:ph sz="half" idx="2"/>
          </p:nvPr>
        </p:nvPicPr>
        <p:blipFill>
          <a:blip r:embed="rId3"/>
          <a:stretch>
            <a:fillRect/>
          </a:stretch>
        </p:blipFill>
        <p:spPr>
          <a:xfrm>
            <a:off x="6678613" y="2311150"/>
            <a:ext cx="4408487" cy="3337426"/>
          </a:xfrm>
        </p:spPr>
      </p:pic>
      <p:sp>
        <p:nvSpPr>
          <p:cNvPr id="4" name="Slide Number Placeholder 3">
            <a:extLst>
              <a:ext uri="{FF2B5EF4-FFF2-40B4-BE49-F238E27FC236}">
                <a16:creationId xmlns:a16="http://schemas.microsoft.com/office/drawing/2014/main" id="{5C7B60EF-0679-3357-B1E7-5C4EA75D2EF5}"/>
              </a:ext>
            </a:extLst>
          </p:cNvPr>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363167448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537187E-B124-3018-D262-6DC31767708A}"/>
              </a:ext>
            </a:extLst>
          </p:cNvPr>
          <p:cNvSpPr>
            <a:spLocks noGrp="1"/>
          </p:cNvSpPr>
          <p:nvPr>
            <p:ph type="title"/>
          </p:nvPr>
        </p:nvSpPr>
        <p:spPr/>
        <p:txBody>
          <a:bodyPr/>
          <a:lstStyle/>
          <a:p>
            <a:r>
              <a:rPr lang="en-US"/>
              <a:t>CONFIGURATION BITS</a:t>
            </a:r>
            <a:endParaRPr lang="LID4096"/>
          </a:p>
        </p:txBody>
      </p:sp>
      <p:pic>
        <p:nvPicPr>
          <p:cNvPr id="7" name="Content Placeholder 6">
            <a:extLst>
              <a:ext uri="{FF2B5EF4-FFF2-40B4-BE49-F238E27FC236}">
                <a16:creationId xmlns:a16="http://schemas.microsoft.com/office/drawing/2014/main" id="{3FC9E7CA-43FB-3B6E-7B2A-6BE2E206971B}"/>
              </a:ext>
            </a:extLst>
          </p:cNvPr>
          <p:cNvPicPr>
            <a:picLocks noGrp="1" noChangeAspect="1"/>
          </p:cNvPicPr>
          <p:nvPr>
            <p:ph sz="half" idx="1"/>
          </p:nvPr>
        </p:nvPicPr>
        <p:blipFill>
          <a:blip r:embed="rId2"/>
          <a:stretch>
            <a:fillRect/>
          </a:stretch>
        </p:blipFill>
        <p:spPr>
          <a:xfrm>
            <a:off x="1860097" y="1706563"/>
            <a:ext cx="4239531" cy="4546600"/>
          </a:xfrm>
        </p:spPr>
      </p:pic>
      <p:pic>
        <p:nvPicPr>
          <p:cNvPr id="9" name="Content Placeholder 8">
            <a:extLst>
              <a:ext uri="{FF2B5EF4-FFF2-40B4-BE49-F238E27FC236}">
                <a16:creationId xmlns:a16="http://schemas.microsoft.com/office/drawing/2014/main" id="{41700865-6D81-1AA7-9EBE-E35157AAFE45}"/>
              </a:ext>
            </a:extLst>
          </p:cNvPr>
          <p:cNvPicPr>
            <a:picLocks noGrp="1" noChangeAspect="1"/>
          </p:cNvPicPr>
          <p:nvPr>
            <p:ph sz="half" idx="2"/>
          </p:nvPr>
        </p:nvPicPr>
        <p:blipFill>
          <a:blip r:embed="rId3"/>
          <a:stretch>
            <a:fillRect/>
          </a:stretch>
        </p:blipFill>
        <p:spPr>
          <a:xfrm>
            <a:off x="6864753" y="1706563"/>
            <a:ext cx="4036207" cy="4546600"/>
          </a:xfrm>
        </p:spPr>
      </p:pic>
      <p:sp>
        <p:nvSpPr>
          <p:cNvPr id="5" name="Slide Number Placeholder 4">
            <a:extLst>
              <a:ext uri="{FF2B5EF4-FFF2-40B4-BE49-F238E27FC236}">
                <a16:creationId xmlns:a16="http://schemas.microsoft.com/office/drawing/2014/main" id="{BB1899C3-81D5-5938-1E43-1B7378BECB7C}"/>
              </a:ext>
            </a:extLst>
          </p:cNvPr>
          <p:cNvSpPr>
            <a:spLocks noGrp="1"/>
          </p:cNvSpPr>
          <p:nvPr>
            <p:ph type="sldNum" sz="quarter" idx="11"/>
          </p:nvPr>
        </p:nvSpPr>
        <p:spPr/>
        <p:txBody>
          <a:bodyPr/>
          <a:lstStyle/>
          <a:p>
            <a:fld id="{103EA872-A674-449B-A120-B97244F8E91D}" type="slidenum">
              <a:rPr lang="en-GB" smtClean="0"/>
              <a:pPr/>
              <a:t>12</a:t>
            </a:fld>
            <a:endParaRPr lang="en-GB" dirty="0"/>
          </a:p>
        </p:txBody>
      </p:sp>
    </p:spTree>
    <p:extLst>
      <p:ext uri="{BB962C8B-B14F-4D97-AF65-F5344CB8AC3E}">
        <p14:creationId xmlns:p14="http://schemas.microsoft.com/office/powerpoint/2010/main" val="120694290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567AE6-BFDB-A9A0-1E6B-FFA29F72613D}"/>
              </a:ext>
            </a:extLst>
          </p:cNvPr>
          <p:cNvSpPr>
            <a:spLocks noGrp="1"/>
          </p:cNvSpPr>
          <p:nvPr>
            <p:ph type="title"/>
          </p:nvPr>
        </p:nvSpPr>
        <p:spPr/>
        <p:txBody>
          <a:bodyPr/>
          <a:lstStyle/>
          <a:p>
            <a:r>
              <a:rPr lang="en-US"/>
              <a:t>CONFIGURATION BITS</a:t>
            </a:r>
            <a:endParaRPr lang="LID4096"/>
          </a:p>
        </p:txBody>
      </p:sp>
      <p:pic>
        <p:nvPicPr>
          <p:cNvPr id="7" name="Content Placeholder 6">
            <a:extLst>
              <a:ext uri="{FF2B5EF4-FFF2-40B4-BE49-F238E27FC236}">
                <a16:creationId xmlns:a16="http://schemas.microsoft.com/office/drawing/2014/main" id="{82E7C67F-DC75-6F3C-DB21-CE30BFC9E4FC}"/>
              </a:ext>
            </a:extLst>
          </p:cNvPr>
          <p:cNvPicPr>
            <a:picLocks noGrp="1" noChangeAspect="1"/>
          </p:cNvPicPr>
          <p:nvPr>
            <p:ph sz="half" idx="1"/>
          </p:nvPr>
        </p:nvPicPr>
        <p:blipFill>
          <a:blip r:embed="rId2"/>
          <a:stretch>
            <a:fillRect/>
          </a:stretch>
        </p:blipFill>
        <p:spPr>
          <a:xfrm>
            <a:off x="1908835" y="1706563"/>
            <a:ext cx="4142055" cy="4546600"/>
          </a:xfrm>
        </p:spPr>
      </p:pic>
      <p:pic>
        <p:nvPicPr>
          <p:cNvPr id="9" name="Content Placeholder 8">
            <a:extLst>
              <a:ext uri="{FF2B5EF4-FFF2-40B4-BE49-F238E27FC236}">
                <a16:creationId xmlns:a16="http://schemas.microsoft.com/office/drawing/2014/main" id="{D2AC5AAA-0790-E9F0-33B1-B500C275A0CD}"/>
              </a:ext>
            </a:extLst>
          </p:cNvPr>
          <p:cNvPicPr>
            <a:picLocks noGrp="1" noChangeAspect="1"/>
          </p:cNvPicPr>
          <p:nvPr>
            <p:ph sz="half" idx="2"/>
          </p:nvPr>
        </p:nvPicPr>
        <p:blipFill>
          <a:blip r:embed="rId3"/>
          <a:stretch>
            <a:fillRect/>
          </a:stretch>
        </p:blipFill>
        <p:spPr>
          <a:xfrm>
            <a:off x="6678613" y="2221602"/>
            <a:ext cx="4408487" cy="3516522"/>
          </a:xfrm>
        </p:spPr>
      </p:pic>
      <p:sp>
        <p:nvSpPr>
          <p:cNvPr id="5" name="Slide Number Placeholder 4">
            <a:extLst>
              <a:ext uri="{FF2B5EF4-FFF2-40B4-BE49-F238E27FC236}">
                <a16:creationId xmlns:a16="http://schemas.microsoft.com/office/drawing/2014/main" id="{4A9F9217-2FA4-A27F-64D2-4B0E86463376}"/>
              </a:ext>
            </a:extLst>
          </p:cNvPr>
          <p:cNvSpPr>
            <a:spLocks noGrp="1"/>
          </p:cNvSpPr>
          <p:nvPr>
            <p:ph type="sldNum" sz="quarter" idx="11"/>
          </p:nvPr>
        </p:nvSpPr>
        <p:spPr/>
        <p:txBody>
          <a:bodyPr/>
          <a:lstStyle/>
          <a:p>
            <a:fld id="{103EA872-A674-449B-A120-B97244F8E91D}" type="slidenum">
              <a:rPr lang="en-GB" smtClean="0"/>
              <a:pPr/>
              <a:t>13</a:t>
            </a:fld>
            <a:endParaRPr lang="en-GB" dirty="0"/>
          </a:p>
        </p:txBody>
      </p:sp>
    </p:spTree>
    <p:extLst>
      <p:ext uri="{BB962C8B-B14F-4D97-AF65-F5344CB8AC3E}">
        <p14:creationId xmlns:p14="http://schemas.microsoft.com/office/powerpoint/2010/main" val="349845043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C01239-DFC7-FC0A-D795-8DEC990127AD}"/>
              </a:ext>
            </a:extLst>
          </p:cNvPr>
          <p:cNvSpPr>
            <a:spLocks noGrp="1"/>
          </p:cNvSpPr>
          <p:nvPr>
            <p:ph type="title"/>
          </p:nvPr>
        </p:nvSpPr>
        <p:spPr/>
        <p:txBody>
          <a:bodyPr/>
          <a:lstStyle/>
          <a:p>
            <a:r>
              <a:rPr lang="en-US"/>
              <a:t>CONFIGURATION BITS</a:t>
            </a:r>
            <a:endParaRPr lang="LID4096"/>
          </a:p>
        </p:txBody>
      </p:sp>
      <p:pic>
        <p:nvPicPr>
          <p:cNvPr id="7" name="Content Placeholder 6">
            <a:extLst>
              <a:ext uri="{FF2B5EF4-FFF2-40B4-BE49-F238E27FC236}">
                <a16:creationId xmlns:a16="http://schemas.microsoft.com/office/drawing/2014/main" id="{1B7C723E-2133-FB35-ADFA-056E8CDFAF96}"/>
              </a:ext>
            </a:extLst>
          </p:cNvPr>
          <p:cNvPicPr>
            <a:picLocks noGrp="1" noChangeAspect="1"/>
          </p:cNvPicPr>
          <p:nvPr>
            <p:ph sz="half" idx="1"/>
          </p:nvPr>
        </p:nvPicPr>
        <p:blipFill>
          <a:blip r:embed="rId2"/>
          <a:stretch>
            <a:fillRect/>
          </a:stretch>
        </p:blipFill>
        <p:spPr>
          <a:xfrm>
            <a:off x="1804850" y="1706563"/>
            <a:ext cx="4350024" cy="4546600"/>
          </a:xfrm>
        </p:spPr>
      </p:pic>
      <p:pic>
        <p:nvPicPr>
          <p:cNvPr id="9" name="Content Placeholder 8">
            <a:extLst>
              <a:ext uri="{FF2B5EF4-FFF2-40B4-BE49-F238E27FC236}">
                <a16:creationId xmlns:a16="http://schemas.microsoft.com/office/drawing/2014/main" id="{D913ED26-44BE-F770-A515-577B4DCAB0CE}"/>
              </a:ext>
            </a:extLst>
          </p:cNvPr>
          <p:cNvPicPr>
            <a:picLocks noGrp="1" noChangeAspect="1"/>
          </p:cNvPicPr>
          <p:nvPr>
            <p:ph sz="half" idx="2"/>
          </p:nvPr>
        </p:nvPicPr>
        <p:blipFill>
          <a:blip r:embed="rId3"/>
          <a:stretch>
            <a:fillRect/>
          </a:stretch>
        </p:blipFill>
        <p:spPr>
          <a:xfrm>
            <a:off x="6678613" y="1949385"/>
            <a:ext cx="4408487" cy="4060956"/>
          </a:xfrm>
        </p:spPr>
      </p:pic>
      <p:sp>
        <p:nvSpPr>
          <p:cNvPr id="5" name="Slide Number Placeholder 4">
            <a:extLst>
              <a:ext uri="{FF2B5EF4-FFF2-40B4-BE49-F238E27FC236}">
                <a16:creationId xmlns:a16="http://schemas.microsoft.com/office/drawing/2014/main" id="{624579A9-948E-A4A5-5C69-10BCB8A99334}"/>
              </a:ext>
            </a:extLst>
          </p:cNvPr>
          <p:cNvSpPr>
            <a:spLocks noGrp="1"/>
          </p:cNvSpPr>
          <p:nvPr>
            <p:ph type="sldNum" sz="quarter" idx="11"/>
          </p:nvPr>
        </p:nvSpPr>
        <p:spPr/>
        <p:txBody>
          <a:bodyPr/>
          <a:lstStyle/>
          <a:p>
            <a:fld id="{103EA872-A674-449B-A120-B97244F8E91D}" type="slidenum">
              <a:rPr lang="en-GB" smtClean="0"/>
              <a:pPr/>
              <a:t>14</a:t>
            </a:fld>
            <a:endParaRPr lang="en-GB" dirty="0"/>
          </a:p>
        </p:txBody>
      </p:sp>
    </p:spTree>
    <p:extLst>
      <p:ext uri="{BB962C8B-B14F-4D97-AF65-F5344CB8AC3E}">
        <p14:creationId xmlns:p14="http://schemas.microsoft.com/office/powerpoint/2010/main" val="124180437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a:t>Memory Organization of PIC18</a:t>
            </a:r>
            <a:endParaRPr lang="en-GB"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err="1"/>
              <a:t>TE2015</a:t>
            </a:r>
            <a:r>
              <a:rPr lang="en-GB" dirty="0"/>
              <a:t> </a:t>
            </a:r>
            <a:r>
              <a:rPr lang="en-GB" dirty="0" err="1"/>
              <a:t>Microcontroladores</a:t>
            </a:r>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FB5D724-7A69-F201-D7A3-2751D2E6CEC0}"/>
              </a:ext>
            </a:extLst>
          </p:cNvPr>
          <p:cNvSpPr>
            <a:spLocks noGrp="1"/>
          </p:cNvSpPr>
          <p:nvPr>
            <p:ph type="ctrTitle"/>
          </p:nvPr>
        </p:nvSpPr>
        <p:spPr/>
        <p:txBody>
          <a:bodyPr/>
          <a:lstStyle/>
          <a:p>
            <a:r>
              <a:rPr lang="en-US"/>
              <a:t>Data Memory and Program Memory</a:t>
            </a:r>
            <a:endParaRPr lang="en-US" dirty="0"/>
          </a:p>
        </p:txBody>
      </p:sp>
      <p:sp>
        <p:nvSpPr>
          <p:cNvPr id="3" name="Subtitle 2">
            <a:extLst>
              <a:ext uri="{FF2B5EF4-FFF2-40B4-BE49-F238E27FC236}">
                <a16:creationId xmlns:a16="http://schemas.microsoft.com/office/drawing/2014/main" id="{842DB822-089B-CD2E-DD66-1D551B373CE8}"/>
              </a:ext>
            </a:extLst>
          </p:cNvPr>
          <p:cNvSpPr>
            <a:spLocks noGrp="1"/>
          </p:cNvSpPr>
          <p:nvPr>
            <p:ph type="subTitle" idx="1"/>
          </p:nvPr>
        </p:nvSpPr>
        <p:spPr/>
        <p:txBody>
          <a:bodyPr/>
          <a:lstStyle/>
          <a:p>
            <a:r>
              <a:rPr lang="es-MX" dirty="0" err="1"/>
              <a:t>TE2015</a:t>
            </a:r>
            <a:r>
              <a:rPr lang="es-MX" dirty="0"/>
              <a:t> Microcontroladores</a:t>
            </a:r>
            <a:endParaRPr lang="en-US" dirty="0"/>
          </a:p>
        </p:txBody>
      </p:sp>
      <p:sp>
        <p:nvSpPr>
          <p:cNvPr id="4" name="Slide Number Placeholder 3">
            <a:extLst>
              <a:ext uri="{FF2B5EF4-FFF2-40B4-BE49-F238E27FC236}">
                <a16:creationId xmlns:a16="http://schemas.microsoft.com/office/drawing/2014/main" id="{017D03C7-F44A-0486-F42D-CA1C5D425594}"/>
              </a:ext>
            </a:extLst>
          </p:cNvPr>
          <p:cNvSpPr>
            <a:spLocks noGrp="1"/>
          </p:cNvSpPr>
          <p:nvPr>
            <p:ph type="sldNum" sz="quarter" idx="17"/>
          </p:nvPr>
        </p:nvSpPr>
        <p:spPr/>
        <p:txBody>
          <a:bodyPr/>
          <a:lstStyle/>
          <a:p>
            <a:fld id="{103EA872-A674-449B-A120-B97244F8E91D}" type="slidenum">
              <a:rPr lang="en-GB" smtClean="0"/>
              <a:pPr/>
              <a:t>3</a:t>
            </a:fld>
            <a:endParaRPr lang="en-GB" dirty="0"/>
          </a:p>
        </p:txBody>
      </p:sp>
    </p:spTree>
    <p:extLst>
      <p:ext uri="{BB962C8B-B14F-4D97-AF65-F5344CB8AC3E}">
        <p14:creationId xmlns:p14="http://schemas.microsoft.com/office/powerpoint/2010/main" val="48634061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B4917B9-93C1-6126-72B2-6C3DD8705AB9}"/>
              </a:ext>
            </a:extLst>
          </p:cNvPr>
          <p:cNvSpPr>
            <a:spLocks noGrp="1"/>
          </p:cNvSpPr>
          <p:nvPr>
            <p:ph type="title"/>
          </p:nvPr>
        </p:nvSpPr>
        <p:spPr/>
        <p:txBody>
          <a:bodyPr/>
          <a:lstStyle/>
          <a:p>
            <a:r>
              <a:rPr lang="en-US"/>
              <a:t>PIC18 MEMORY ORGANIZATION</a:t>
            </a:r>
            <a:endParaRPr lang="LID4096"/>
          </a:p>
        </p:txBody>
      </p:sp>
      <p:sp>
        <p:nvSpPr>
          <p:cNvPr id="4" name="Slide Number Placeholder 3">
            <a:extLst>
              <a:ext uri="{FF2B5EF4-FFF2-40B4-BE49-F238E27FC236}">
                <a16:creationId xmlns:a16="http://schemas.microsoft.com/office/drawing/2014/main" id="{931D2B65-6B9F-3EB9-BB2F-1F1D845F5EF5}"/>
              </a:ext>
            </a:extLst>
          </p:cNvPr>
          <p:cNvSpPr>
            <a:spLocks noGrp="1"/>
          </p:cNvSpPr>
          <p:nvPr>
            <p:ph type="sldNum" sz="quarter" idx="11"/>
          </p:nvPr>
        </p:nvSpPr>
        <p:spPr/>
        <p:txBody>
          <a:bodyPr/>
          <a:lstStyle/>
          <a:p>
            <a:fld id="{103EA872-A674-449B-A120-B97244F8E91D}" type="slidenum">
              <a:rPr lang="en-GB" smtClean="0"/>
              <a:pPr/>
              <a:t>4</a:t>
            </a:fld>
            <a:endParaRPr lang="en-GB" dirty="0"/>
          </a:p>
        </p:txBody>
      </p:sp>
      <p:graphicFrame>
        <p:nvGraphicFramePr>
          <p:cNvPr id="15" name="Content Placeholder 11">
            <a:extLst>
              <a:ext uri="{FF2B5EF4-FFF2-40B4-BE49-F238E27FC236}">
                <a16:creationId xmlns:a16="http://schemas.microsoft.com/office/drawing/2014/main" id="{4F716FC0-FD45-D6D2-4688-19BECAAC8E52}"/>
              </a:ext>
            </a:extLst>
          </p:cNvPr>
          <p:cNvGraphicFramePr>
            <a:graphicFrameLocks noGrp="1"/>
          </p:cNvGraphicFramePr>
          <p:nvPr>
            <p:ph idx="1"/>
            <p:extLst>
              <p:ext uri="{D42A27DB-BD31-4B8C-83A1-F6EECF244321}">
                <p14:modId xmlns:p14="http://schemas.microsoft.com/office/powerpoint/2010/main" val="3717879050"/>
              </p:ext>
            </p:extLst>
          </p:nvPr>
        </p:nvGraphicFramePr>
        <p:xfrm>
          <a:off x="1774825" y="1706563"/>
          <a:ext cx="9312275" cy="454501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16" name="Arrow: Up-Down 15">
            <a:extLst>
              <a:ext uri="{FF2B5EF4-FFF2-40B4-BE49-F238E27FC236}">
                <a16:creationId xmlns:a16="http://schemas.microsoft.com/office/drawing/2014/main" id="{61B7B120-09A7-8AB5-EC04-E0FBA9C42873}"/>
              </a:ext>
            </a:extLst>
          </p:cNvPr>
          <p:cNvSpPr/>
          <p:nvPr/>
        </p:nvSpPr>
        <p:spPr bwMode="auto">
          <a:xfrm>
            <a:off x="2638822" y="2744924"/>
            <a:ext cx="360040" cy="969806"/>
          </a:xfrm>
          <a:prstGeom prst="upDownArrow">
            <a:avLst/>
          </a:prstGeom>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LID4096"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TextBox 18">
            <a:extLst>
              <a:ext uri="{FF2B5EF4-FFF2-40B4-BE49-F238E27FC236}">
                <a16:creationId xmlns:a16="http://schemas.microsoft.com/office/drawing/2014/main" id="{214D8C3C-C4F4-8565-F75C-AD94857BB072}"/>
              </a:ext>
            </a:extLst>
          </p:cNvPr>
          <p:cNvSpPr txBox="1"/>
          <p:nvPr/>
        </p:nvSpPr>
        <p:spPr>
          <a:xfrm>
            <a:off x="2386750" y="4173675"/>
            <a:ext cx="1046761" cy="482183"/>
          </a:xfrm>
          <a:prstGeom prst="rect">
            <a:avLst/>
          </a:prstGeom>
          <a:noFill/>
        </p:spPr>
        <p:txBody>
          <a:bodyPr wrap="none" lIns="0" tIns="0" rIns="0" bIns="0" rtlCol="0">
            <a:spAutoFit/>
          </a:bodyPr>
          <a:lstStyle/>
          <a:p>
            <a:pPr algn="l">
              <a:spcBef>
                <a:spcPts val="432"/>
              </a:spcBef>
            </a:pPr>
            <a:r>
              <a:rPr lang="en-US" sz="1400">
                <a:latin typeface="+mn-lt"/>
              </a:rPr>
              <a:t>2 MB FLASH</a:t>
            </a:r>
          </a:p>
          <a:p>
            <a:pPr algn="l">
              <a:spcBef>
                <a:spcPts val="432"/>
              </a:spcBef>
            </a:pPr>
            <a:r>
              <a:rPr lang="en-US" sz="1400">
                <a:latin typeface="+mn-lt"/>
              </a:rPr>
              <a:t>PC[20:0]</a:t>
            </a:r>
            <a:endParaRPr lang="LID4096" sz="1400" dirty="0" err="1">
              <a:latin typeface="+mn-lt"/>
            </a:endParaRPr>
          </a:p>
        </p:txBody>
      </p:sp>
      <p:pic>
        <p:nvPicPr>
          <p:cNvPr id="21" name="Graphic 20" descr="Disk with solid fill">
            <a:extLst>
              <a:ext uri="{FF2B5EF4-FFF2-40B4-BE49-F238E27FC236}">
                <a16:creationId xmlns:a16="http://schemas.microsoft.com/office/drawing/2014/main" id="{B55AD002-82C4-C0AF-247A-925381006311}"/>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882738" y="4149080"/>
            <a:ext cx="504056" cy="504056"/>
          </a:xfrm>
          <a:prstGeom prst="rect">
            <a:avLst/>
          </a:prstGeom>
        </p:spPr>
      </p:pic>
      <p:sp>
        <p:nvSpPr>
          <p:cNvPr id="22" name="TextBox 21">
            <a:extLst>
              <a:ext uri="{FF2B5EF4-FFF2-40B4-BE49-F238E27FC236}">
                <a16:creationId xmlns:a16="http://schemas.microsoft.com/office/drawing/2014/main" id="{DEF948AC-DEE4-670F-1EF5-624CC5334AD2}"/>
              </a:ext>
            </a:extLst>
          </p:cNvPr>
          <p:cNvSpPr txBox="1"/>
          <p:nvPr/>
        </p:nvSpPr>
        <p:spPr>
          <a:xfrm>
            <a:off x="4272650" y="4173674"/>
            <a:ext cx="1740605" cy="482183"/>
          </a:xfrm>
          <a:prstGeom prst="rect">
            <a:avLst/>
          </a:prstGeom>
          <a:noFill/>
        </p:spPr>
        <p:txBody>
          <a:bodyPr wrap="none" lIns="0" tIns="0" rIns="0" bIns="0" rtlCol="0">
            <a:spAutoFit/>
          </a:bodyPr>
          <a:lstStyle/>
          <a:p>
            <a:pPr algn="l">
              <a:spcBef>
                <a:spcPts val="432"/>
              </a:spcBef>
            </a:pPr>
            <a:r>
              <a:rPr lang="en-US" sz="1400">
                <a:latin typeface="+mn-lt"/>
              </a:rPr>
              <a:t>16 KB SRAM</a:t>
            </a:r>
          </a:p>
          <a:p>
            <a:pPr algn="l">
              <a:spcBef>
                <a:spcPts val="432"/>
              </a:spcBef>
            </a:pPr>
            <a:r>
              <a:rPr lang="en-US" sz="1400">
                <a:latin typeface="+mn-lt"/>
              </a:rPr>
              <a:t>BSR, ACCESS BANK</a:t>
            </a:r>
            <a:endParaRPr lang="LID4096" sz="1400" dirty="0" err="1">
              <a:latin typeface="+mn-lt"/>
            </a:endParaRPr>
          </a:p>
        </p:txBody>
      </p:sp>
      <p:sp>
        <p:nvSpPr>
          <p:cNvPr id="24" name="Arrow: Up-Down 23">
            <a:extLst>
              <a:ext uri="{FF2B5EF4-FFF2-40B4-BE49-F238E27FC236}">
                <a16:creationId xmlns:a16="http://schemas.microsoft.com/office/drawing/2014/main" id="{90004BB3-CBE6-7758-76D5-45F94C87D02B}"/>
              </a:ext>
            </a:extLst>
          </p:cNvPr>
          <p:cNvSpPr/>
          <p:nvPr/>
        </p:nvSpPr>
        <p:spPr bwMode="auto">
          <a:xfrm>
            <a:off x="6250893" y="2744924"/>
            <a:ext cx="360040" cy="969806"/>
          </a:xfrm>
          <a:prstGeom prst="upDownArrow">
            <a:avLst/>
          </a:prstGeom>
          <a:ln>
            <a:headEnd type="none" w="med" len="med"/>
            <a:tailEnd type="none" w="med" len="med"/>
          </a:ln>
        </p:spPr>
        <p:style>
          <a:lnRef idx="1">
            <a:schemeClr val="accent6"/>
          </a:lnRef>
          <a:fillRef idx="3">
            <a:schemeClr val="accent6"/>
          </a:fillRef>
          <a:effectRef idx="2">
            <a:schemeClr val="accent6"/>
          </a:effectRef>
          <a:fontRef idx="minor">
            <a:schemeClr val="lt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LID4096" sz="1600" b="0" i="0" u="none" strike="noStrike" cap="none" normalizeH="0" baseline="0" dirty="0" err="1">
              <a:ln>
                <a:noFill/>
              </a:ln>
              <a:solidFill>
                <a:srgbClr val="FFFFFF"/>
              </a:solidFill>
              <a:effectLst/>
              <a:latin typeface="+mn-lt"/>
              <a:ea typeface="ＭＳ Ｐゴシック" pitchFamily="-80" charset="-128"/>
            </a:endParaRPr>
          </a:p>
        </p:txBody>
      </p:sp>
      <p:sp>
        <p:nvSpPr>
          <p:cNvPr id="25" name="Arrow: Up-Down 24">
            <a:extLst>
              <a:ext uri="{FF2B5EF4-FFF2-40B4-BE49-F238E27FC236}">
                <a16:creationId xmlns:a16="http://schemas.microsoft.com/office/drawing/2014/main" id="{30421D45-508E-8B80-B1ED-41FFEA6F4EC8}"/>
              </a:ext>
            </a:extLst>
          </p:cNvPr>
          <p:cNvSpPr/>
          <p:nvPr/>
        </p:nvSpPr>
        <p:spPr bwMode="auto">
          <a:xfrm>
            <a:off x="9839733" y="2734622"/>
            <a:ext cx="360040" cy="969806"/>
          </a:xfrm>
          <a:prstGeom prst="upDownArrow">
            <a:avLst/>
          </a:prstGeom>
          <a:ln>
            <a:headEnd type="none" w="med" len="med"/>
            <a:tailEnd type="none" w="med" len="med"/>
          </a:ln>
        </p:spPr>
        <p:style>
          <a:lnRef idx="1">
            <a:schemeClr val="accent1"/>
          </a:lnRef>
          <a:fillRef idx="3">
            <a:schemeClr val="accent1"/>
          </a:fillRef>
          <a:effectRef idx="2">
            <a:schemeClr val="accent1"/>
          </a:effectRef>
          <a:fontRef idx="minor">
            <a:schemeClr val="lt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LID4096" sz="1600" b="0" i="0" u="none" strike="noStrike" cap="none" normalizeH="0" baseline="0" dirty="0" err="1">
              <a:ln>
                <a:noFill/>
              </a:ln>
              <a:solidFill>
                <a:srgbClr val="FFFFFF"/>
              </a:solidFill>
              <a:effectLst/>
              <a:latin typeface="+mn-lt"/>
              <a:ea typeface="ＭＳ Ｐゴシック" pitchFamily="-80" charset="-128"/>
            </a:endParaRPr>
          </a:p>
        </p:txBody>
      </p:sp>
      <p:pic>
        <p:nvPicPr>
          <p:cNvPr id="26" name="Graphic 25" descr="Disk with solid fill">
            <a:extLst>
              <a:ext uri="{FF2B5EF4-FFF2-40B4-BE49-F238E27FC236}">
                <a16:creationId xmlns:a16="http://schemas.microsoft.com/office/drawing/2014/main" id="{A9BF15F8-7235-9B9B-112D-BB71901C1C26}"/>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3768594" y="4146358"/>
            <a:ext cx="504056" cy="504056"/>
          </a:xfrm>
          <a:prstGeom prst="rect">
            <a:avLst/>
          </a:prstGeom>
        </p:spPr>
      </p:pic>
      <p:sp>
        <p:nvSpPr>
          <p:cNvPr id="27" name="TextBox 26">
            <a:extLst>
              <a:ext uri="{FF2B5EF4-FFF2-40B4-BE49-F238E27FC236}">
                <a16:creationId xmlns:a16="http://schemas.microsoft.com/office/drawing/2014/main" id="{CB07FC08-A377-A0A3-D804-A588B36582A0}"/>
              </a:ext>
            </a:extLst>
          </p:cNvPr>
          <p:cNvSpPr txBox="1"/>
          <p:nvPr/>
        </p:nvSpPr>
        <p:spPr>
          <a:xfrm>
            <a:off x="9449885" y="4307043"/>
            <a:ext cx="1139736" cy="215444"/>
          </a:xfrm>
          <a:prstGeom prst="rect">
            <a:avLst/>
          </a:prstGeom>
          <a:noFill/>
        </p:spPr>
        <p:txBody>
          <a:bodyPr wrap="none" lIns="0" tIns="0" rIns="0" bIns="0" rtlCol="0">
            <a:spAutoFit/>
          </a:bodyPr>
          <a:lstStyle/>
          <a:p>
            <a:pPr algn="l">
              <a:spcBef>
                <a:spcPts val="432"/>
              </a:spcBef>
            </a:pPr>
            <a:r>
              <a:rPr lang="en-US" sz="1400">
                <a:latin typeface="+mn-lt"/>
              </a:rPr>
              <a:t>PERIPHERAL</a:t>
            </a:r>
            <a:endParaRPr lang="LID4096" sz="1400" dirty="0" err="1">
              <a:latin typeface="+mn-lt"/>
            </a:endParaRPr>
          </a:p>
        </p:txBody>
      </p:sp>
    </p:spTree>
    <p:extLst>
      <p:ext uri="{BB962C8B-B14F-4D97-AF65-F5344CB8AC3E}">
        <p14:creationId xmlns:p14="http://schemas.microsoft.com/office/powerpoint/2010/main" val="39158727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FB5D724-7A69-F201-D7A3-2751D2E6CEC0}"/>
              </a:ext>
            </a:extLst>
          </p:cNvPr>
          <p:cNvSpPr>
            <a:spLocks noGrp="1"/>
          </p:cNvSpPr>
          <p:nvPr>
            <p:ph type="ctrTitle"/>
          </p:nvPr>
        </p:nvSpPr>
        <p:spPr/>
        <p:txBody>
          <a:bodyPr/>
          <a:lstStyle/>
          <a:p>
            <a:r>
              <a:rPr lang="en-US"/>
              <a:t>Addressing Modes</a:t>
            </a:r>
            <a:endParaRPr lang="en-US" dirty="0"/>
          </a:p>
        </p:txBody>
      </p:sp>
      <p:sp>
        <p:nvSpPr>
          <p:cNvPr id="3" name="Subtitle 2">
            <a:extLst>
              <a:ext uri="{FF2B5EF4-FFF2-40B4-BE49-F238E27FC236}">
                <a16:creationId xmlns:a16="http://schemas.microsoft.com/office/drawing/2014/main" id="{842DB822-089B-CD2E-DD66-1D551B373CE8}"/>
              </a:ext>
            </a:extLst>
          </p:cNvPr>
          <p:cNvSpPr>
            <a:spLocks noGrp="1"/>
          </p:cNvSpPr>
          <p:nvPr>
            <p:ph type="subTitle" idx="1"/>
          </p:nvPr>
        </p:nvSpPr>
        <p:spPr/>
        <p:txBody>
          <a:bodyPr/>
          <a:lstStyle/>
          <a:p>
            <a:r>
              <a:rPr lang="es-MX" dirty="0" err="1"/>
              <a:t>TE2015</a:t>
            </a:r>
            <a:r>
              <a:rPr lang="es-MX" dirty="0"/>
              <a:t> Microcontroladores</a:t>
            </a:r>
            <a:endParaRPr lang="en-US" dirty="0"/>
          </a:p>
        </p:txBody>
      </p:sp>
      <p:sp>
        <p:nvSpPr>
          <p:cNvPr id="4" name="Slide Number Placeholder 3">
            <a:extLst>
              <a:ext uri="{FF2B5EF4-FFF2-40B4-BE49-F238E27FC236}">
                <a16:creationId xmlns:a16="http://schemas.microsoft.com/office/drawing/2014/main" id="{017D03C7-F44A-0486-F42D-CA1C5D425594}"/>
              </a:ext>
            </a:extLst>
          </p:cNvPr>
          <p:cNvSpPr>
            <a:spLocks noGrp="1"/>
          </p:cNvSpPr>
          <p:nvPr>
            <p:ph type="sldNum" sz="quarter" idx="17"/>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242941240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FE4443-23D5-AD87-9C13-B69D3C19A67C}"/>
              </a:ext>
            </a:extLst>
          </p:cNvPr>
          <p:cNvSpPr>
            <a:spLocks noGrp="1"/>
          </p:cNvSpPr>
          <p:nvPr>
            <p:ph type="title"/>
          </p:nvPr>
        </p:nvSpPr>
        <p:spPr/>
        <p:txBody>
          <a:bodyPr/>
          <a:lstStyle/>
          <a:p>
            <a:r>
              <a:rPr lang="en-US" dirty="0"/>
              <a:t>ADDRESSING MODES</a:t>
            </a:r>
            <a:endParaRPr lang="LID4096" dirty="0"/>
          </a:p>
        </p:txBody>
      </p:sp>
      <p:sp>
        <p:nvSpPr>
          <p:cNvPr id="3" name="Content Placeholder 2">
            <a:extLst>
              <a:ext uri="{FF2B5EF4-FFF2-40B4-BE49-F238E27FC236}">
                <a16:creationId xmlns:a16="http://schemas.microsoft.com/office/drawing/2014/main" id="{7AE75F08-ED4F-28BA-1C57-F13CF78D6209}"/>
              </a:ext>
            </a:extLst>
          </p:cNvPr>
          <p:cNvSpPr>
            <a:spLocks noGrp="1"/>
          </p:cNvSpPr>
          <p:nvPr>
            <p:ph sz="half" idx="1"/>
          </p:nvPr>
        </p:nvSpPr>
        <p:spPr/>
        <p:txBody>
          <a:bodyPr anchor="ctr">
            <a:normAutofit/>
          </a:bodyPr>
          <a:lstStyle/>
          <a:p>
            <a:r>
              <a:rPr lang="en-US" dirty="0"/>
              <a:t>Data in data memory can be addressed by the CPU using different paths. These paths are called </a:t>
            </a:r>
            <a:r>
              <a:rPr lang="en-US" b="1" dirty="0"/>
              <a:t>Addressing Modes</a:t>
            </a:r>
          </a:p>
          <a:p>
            <a:r>
              <a:rPr lang="en-US" dirty="0"/>
              <a:t>Most instructions have a fixed addressing mode</a:t>
            </a:r>
          </a:p>
          <a:p>
            <a:r>
              <a:rPr lang="en-US" dirty="0"/>
              <a:t>Some other instructions may use up to three addressing modes</a:t>
            </a:r>
          </a:p>
        </p:txBody>
      </p:sp>
      <p:sp>
        <p:nvSpPr>
          <p:cNvPr id="4" name="Slide Number Placeholder 3">
            <a:extLst>
              <a:ext uri="{FF2B5EF4-FFF2-40B4-BE49-F238E27FC236}">
                <a16:creationId xmlns:a16="http://schemas.microsoft.com/office/drawing/2014/main" id="{6F436015-7CF8-711B-791B-64DF4CF39457}"/>
              </a:ext>
            </a:extLst>
          </p:cNvPr>
          <p:cNvSpPr>
            <a:spLocks noGrp="1"/>
          </p:cNvSpPr>
          <p:nvPr>
            <p:ph type="sldNum" sz="quarter" idx="11"/>
          </p:nvPr>
        </p:nvSpPr>
        <p:spPr/>
        <p:txBody>
          <a:bodyPr/>
          <a:lstStyle/>
          <a:p>
            <a:fld id="{103EA872-A674-449B-A120-B97244F8E91D}" type="slidenum">
              <a:rPr lang="en-GB" smtClean="0"/>
              <a:pPr/>
              <a:t>6</a:t>
            </a:fld>
            <a:endParaRPr lang="en-GB" dirty="0"/>
          </a:p>
        </p:txBody>
      </p:sp>
      <p:graphicFrame>
        <p:nvGraphicFramePr>
          <p:cNvPr id="7" name="Content Placeholder 6">
            <a:extLst>
              <a:ext uri="{FF2B5EF4-FFF2-40B4-BE49-F238E27FC236}">
                <a16:creationId xmlns:a16="http://schemas.microsoft.com/office/drawing/2014/main" id="{1015FA2C-4077-FB75-B234-3F9C7CF24E70}"/>
              </a:ext>
            </a:extLst>
          </p:cNvPr>
          <p:cNvGraphicFramePr>
            <a:graphicFrameLocks noGrp="1"/>
          </p:cNvGraphicFramePr>
          <p:nvPr>
            <p:ph sz="half" idx="2"/>
            <p:extLst>
              <p:ext uri="{D42A27DB-BD31-4B8C-83A1-F6EECF244321}">
                <p14:modId xmlns:p14="http://schemas.microsoft.com/office/powerpoint/2010/main" val="6487355"/>
              </p:ext>
            </p:extLst>
          </p:nvPr>
        </p:nvGraphicFramePr>
        <p:xfrm>
          <a:off x="6678613" y="1706563"/>
          <a:ext cx="4408487" cy="45466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50987008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EEDFD2D-E02A-221D-0D42-2BB3C2F21423}"/>
              </a:ext>
            </a:extLst>
          </p:cNvPr>
          <p:cNvSpPr>
            <a:spLocks noGrp="1"/>
          </p:cNvSpPr>
          <p:nvPr>
            <p:ph type="title"/>
          </p:nvPr>
        </p:nvSpPr>
        <p:spPr/>
        <p:txBody>
          <a:bodyPr/>
          <a:lstStyle/>
          <a:p>
            <a:r>
              <a:rPr lang="en-US" dirty="0"/>
              <a:t>DIRECT AND INDIRECT ADDRESSING</a:t>
            </a:r>
          </a:p>
        </p:txBody>
      </p:sp>
      <p:sp>
        <p:nvSpPr>
          <p:cNvPr id="3" name="Content Placeholder 2">
            <a:extLst>
              <a:ext uri="{FF2B5EF4-FFF2-40B4-BE49-F238E27FC236}">
                <a16:creationId xmlns:a16="http://schemas.microsoft.com/office/drawing/2014/main" id="{9D75D76A-00DE-E8AD-22E0-30ABE9F025C9}"/>
              </a:ext>
            </a:extLst>
          </p:cNvPr>
          <p:cNvSpPr>
            <a:spLocks noGrp="1"/>
          </p:cNvSpPr>
          <p:nvPr>
            <p:ph sz="half" idx="1"/>
          </p:nvPr>
        </p:nvSpPr>
        <p:spPr>
          <a:xfrm>
            <a:off x="1774800" y="1706398"/>
            <a:ext cx="4410177" cy="4834801"/>
          </a:xfrm>
        </p:spPr>
        <p:txBody>
          <a:bodyPr>
            <a:normAutofit fontScale="85000" lnSpcReduction="20000"/>
          </a:bodyPr>
          <a:lstStyle/>
          <a:p>
            <a:pPr marL="0" indent="0">
              <a:buNone/>
            </a:pPr>
            <a:r>
              <a:rPr lang="en-US" b="1" dirty="0"/>
              <a:t>Direct.</a:t>
            </a:r>
            <a:r>
              <a:rPr lang="en-US" dirty="0"/>
              <a:t> All or part of the source and/or destination address is within the opcode. </a:t>
            </a:r>
          </a:p>
          <a:p>
            <a:r>
              <a:rPr lang="en-US" dirty="0"/>
              <a:t>The options are specified by the arguments accompanying the instruction.</a:t>
            </a:r>
          </a:p>
          <a:p>
            <a:pPr lvl="1"/>
            <a:r>
              <a:rPr lang="en-US" dirty="0"/>
              <a:t>Bit-oriented and Byte-oriented instructions include 8-bit literal address as their </a:t>
            </a:r>
            <a:r>
              <a:rPr lang="en-US" dirty="0" err="1"/>
              <a:t>LSB</a:t>
            </a:r>
            <a:r>
              <a:rPr lang="en-US" dirty="0"/>
              <a:t> that specifies either a </a:t>
            </a:r>
            <a:r>
              <a:rPr lang="en-US" b="1" dirty="0"/>
              <a:t>register address </a:t>
            </a:r>
            <a:r>
              <a:rPr lang="en-US" dirty="0"/>
              <a:t>in one of the banks of data RAM or a </a:t>
            </a:r>
            <a:r>
              <a:rPr lang="en-US" b="1" dirty="0"/>
              <a:t>location</a:t>
            </a:r>
            <a:r>
              <a:rPr lang="en-US" dirty="0"/>
              <a:t> in the Access Bank</a:t>
            </a:r>
          </a:p>
          <a:p>
            <a:pPr lvl="1"/>
            <a:r>
              <a:rPr lang="en-US" dirty="0"/>
              <a:t>The Access RAM bit ‘a’ determines how the address is interpreted. </a:t>
            </a:r>
          </a:p>
          <a:p>
            <a:pPr lvl="2"/>
            <a:r>
              <a:rPr lang="en-US" dirty="0"/>
              <a:t>When ‘a’ is ‘1’, the </a:t>
            </a:r>
            <a:r>
              <a:rPr lang="en-US" dirty="0" err="1"/>
              <a:t>BSR</a:t>
            </a:r>
            <a:r>
              <a:rPr lang="en-US" dirty="0"/>
              <a:t> is used with the address to determine the complete 12-bit address of the register</a:t>
            </a:r>
          </a:p>
          <a:p>
            <a:pPr lvl="2"/>
            <a:r>
              <a:rPr lang="en-US" dirty="0"/>
              <a:t>When ‘a’ is ‘0’, the address is interpreted as being a register in the Access Bank</a:t>
            </a:r>
          </a:p>
          <a:p>
            <a:pPr lvl="1"/>
            <a:r>
              <a:rPr lang="en-US" dirty="0"/>
              <a:t>The destination of the operation’s results is determined by the destination bit ‘d’: </a:t>
            </a:r>
          </a:p>
          <a:p>
            <a:pPr lvl="2"/>
            <a:r>
              <a:rPr lang="en-US" dirty="0"/>
              <a:t>When ‘d’ is ‘1’, the results are stored back in the source register, overwriting its original contents.</a:t>
            </a:r>
          </a:p>
          <a:p>
            <a:pPr lvl="2"/>
            <a:r>
              <a:rPr lang="en-US" dirty="0"/>
              <a:t>When ‘d’ is ‘0’, the results are stored in the W register.</a:t>
            </a:r>
          </a:p>
          <a:p>
            <a:endParaRPr lang="en-US" dirty="0"/>
          </a:p>
        </p:txBody>
      </p:sp>
      <p:sp>
        <p:nvSpPr>
          <p:cNvPr id="4" name="Content Placeholder 3">
            <a:extLst>
              <a:ext uri="{FF2B5EF4-FFF2-40B4-BE49-F238E27FC236}">
                <a16:creationId xmlns:a16="http://schemas.microsoft.com/office/drawing/2014/main" id="{994DEA4A-027B-E89B-E4F1-656E3C7EFA3A}"/>
              </a:ext>
            </a:extLst>
          </p:cNvPr>
          <p:cNvSpPr>
            <a:spLocks noGrp="1"/>
          </p:cNvSpPr>
          <p:nvPr>
            <p:ph sz="half" idx="2"/>
          </p:nvPr>
        </p:nvSpPr>
        <p:spPr/>
        <p:txBody>
          <a:bodyPr/>
          <a:lstStyle/>
          <a:p>
            <a:pPr marL="0" indent="0">
              <a:buNone/>
            </a:pPr>
            <a:r>
              <a:rPr lang="en-US" b="1" dirty="0"/>
              <a:t>Indirect.</a:t>
            </a:r>
            <a:r>
              <a:rPr lang="en-US" dirty="0"/>
              <a:t> Allows the user to access a location in data memory without giving a fixed address in the instruction. Instead, we use FSRs as pointers to the locations which are to be read or written. </a:t>
            </a:r>
          </a:p>
          <a:p>
            <a:r>
              <a:rPr lang="en-US" dirty="0"/>
              <a:t>Since FSRs are themselves located in RAM as Special File Registers, they can also be directly manipulated under program control. This makes FSRs very useful in implementing data structures, such as tables and arrays in data memory.</a:t>
            </a:r>
          </a:p>
          <a:p>
            <a:endParaRPr lang="en-US" dirty="0"/>
          </a:p>
        </p:txBody>
      </p:sp>
      <p:sp>
        <p:nvSpPr>
          <p:cNvPr id="5" name="Slide Number Placeholder 4">
            <a:extLst>
              <a:ext uri="{FF2B5EF4-FFF2-40B4-BE49-F238E27FC236}">
                <a16:creationId xmlns:a16="http://schemas.microsoft.com/office/drawing/2014/main" id="{AF9C7164-FC16-5092-29BE-1D5AF43FB120}"/>
              </a:ext>
            </a:extLst>
          </p:cNvPr>
          <p:cNvSpPr>
            <a:spLocks noGrp="1"/>
          </p:cNvSpPr>
          <p:nvPr>
            <p:ph type="sldNum" sz="quarter" idx="11"/>
          </p:nvPr>
        </p:nvSpPr>
        <p:spPr/>
        <p:txBody>
          <a:bodyPr/>
          <a:lstStyle/>
          <a:p>
            <a:fld id="{103EA872-A674-449B-A120-B97244F8E91D}" type="slidenum">
              <a:rPr lang="en-GB" smtClean="0"/>
              <a:pPr/>
              <a:t>7</a:t>
            </a:fld>
            <a:endParaRPr lang="en-GB" dirty="0"/>
          </a:p>
        </p:txBody>
      </p:sp>
    </p:spTree>
    <p:extLst>
      <p:ext uri="{BB962C8B-B14F-4D97-AF65-F5344CB8AC3E}">
        <p14:creationId xmlns:p14="http://schemas.microsoft.com/office/powerpoint/2010/main" val="387259165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0" name="Title 119">
            <a:extLst>
              <a:ext uri="{FF2B5EF4-FFF2-40B4-BE49-F238E27FC236}">
                <a16:creationId xmlns:a16="http://schemas.microsoft.com/office/drawing/2014/main" id="{A3622EBD-3157-22C6-8916-720529EA0268}"/>
              </a:ext>
            </a:extLst>
          </p:cNvPr>
          <p:cNvSpPr>
            <a:spLocks noGrp="1"/>
          </p:cNvSpPr>
          <p:nvPr>
            <p:ph type="title"/>
          </p:nvPr>
        </p:nvSpPr>
        <p:spPr/>
        <p:txBody>
          <a:bodyPr/>
          <a:lstStyle/>
          <a:p>
            <a:endParaRPr lang="en-US"/>
          </a:p>
        </p:txBody>
      </p:sp>
      <p:sp>
        <p:nvSpPr>
          <p:cNvPr id="4" name="Slide Number Placeholder 3">
            <a:extLst>
              <a:ext uri="{FF2B5EF4-FFF2-40B4-BE49-F238E27FC236}">
                <a16:creationId xmlns:a16="http://schemas.microsoft.com/office/drawing/2014/main" id="{5E68CFC2-4CF8-A1BC-8173-393646612096}"/>
              </a:ext>
            </a:extLst>
          </p:cNvPr>
          <p:cNvSpPr>
            <a:spLocks noGrp="1"/>
          </p:cNvSpPr>
          <p:nvPr>
            <p:ph type="sldNum" sz="quarter" idx="11"/>
          </p:nvPr>
        </p:nvSpPr>
        <p:spPr/>
        <p:txBody>
          <a:bodyPr/>
          <a:lstStyle/>
          <a:p>
            <a:fld id="{103EA872-A674-449B-A120-B97244F8E91D}" type="slidenum">
              <a:rPr lang="en-GB" smtClean="0"/>
              <a:pPr/>
              <a:t>8</a:t>
            </a:fld>
            <a:endParaRPr lang="en-GB" dirty="0"/>
          </a:p>
        </p:txBody>
      </p:sp>
      <p:grpSp>
        <p:nvGrpSpPr>
          <p:cNvPr id="82" name="Group 81">
            <a:extLst>
              <a:ext uri="{FF2B5EF4-FFF2-40B4-BE49-F238E27FC236}">
                <a16:creationId xmlns:a16="http://schemas.microsoft.com/office/drawing/2014/main" id="{38D992E5-9140-B1F8-13B6-E038416FD631}"/>
              </a:ext>
            </a:extLst>
          </p:cNvPr>
          <p:cNvGrpSpPr/>
          <p:nvPr/>
        </p:nvGrpSpPr>
        <p:grpSpPr>
          <a:xfrm>
            <a:off x="2035785" y="2924944"/>
            <a:ext cx="8790255" cy="1839483"/>
            <a:chOff x="1519626" y="682016"/>
            <a:chExt cx="8790255" cy="1839483"/>
          </a:xfrm>
        </p:grpSpPr>
        <p:sp>
          <p:nvSpPr>
            <p:cNvPr id="83" name="TextBox 82">
              <a:extLst>
                <a:ext uri="{FF2B5EF4-FFF2-40B4-BE49-F238E27FC236}">
                  <a16:creationId xmlns:a16="http://schemas.microsoft.com/office/drawing/2014/main" id="{DC530E3B-0137-E732-CF27-2552C7F05C63}"/>
                </a:ext>
              </a:extLst>
            </p:cNvPr>
            <p:cNvSpPr txBox="1"/>
            <p:nvPr/>
          </p:nvSpPr>
          <p:spPr>
            <a:xfrm>
              <a:off x="3533851" y="986162"/>
              <a:ext cx="521208" cy="461665"/>
            </a:xfrm>
            <a:prstGeom prst="rect">
              <a:avLst/>
            </a:prstGeom>
            <a:solidFill>
              <a:srgbClr val="00B05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84" name="TextBox 83">
              <a:extLst>
                <a:ext uri="{FF2B5EF4-FFF2-40B4-BE49-F238E27FC236}">
                  <a16:creationId xmlns:a16="http://schemas.microsoft.com/office/drawing/2014/main" id="{6B99A246-B68E-8597-B84A-7E3956948D98}"/>
                </a:ext>
              </a:extLst>
            </p:cNvPr>
            <p:cNvSpPr txBox="1"/>
            <p:nvPr/>
          </p:nvSpPr>
          <p:spPr>
            <a:xfrm>
              <a:off x="4055385"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85" name="TextBox 84">
              <a:extLst>
                <a:ext uri="{FF2B5EF4-FFF2-40B4-BE49-F238E27FC236}">
                  <a16:creationId xmlns:a16="http://schemas.microsoft.com/office/drawing/2014/main" id="{3AF25405-7DC9-C5B1-95DA-59F00C147A87}"/>
                </a:ext>
              </a:extLst>
            </p:cNvPr>
            <p:cNvSpPr txBox="1"/>
            <p:nvPr/>
          </p:nvSpPr>
          <p:spPr>
            <a:xfrm>
              <a:off x="2491761" y="986162"/>
              <a:ext cx="521208" cy="461665"/>
            </a:xfrm>
            <a:prstGeom prst="rect">
              <a:avLst/>
            </a:prstGeom>
            <a:solidFill>
              <a:srgbClr val="00B05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86" name="TextBox 85">
              <a:extLst>
                <a:ext uri="{FF2B5EF4-FFF2-40B4-BE49-F238E27FC236}">
                  <a16:creationId xmlns:a16="http://schemas.microsoft.com/office/drawing/2014/main" id="{472D3B55-D6DB-3C94-E321-A5F53184D90D}"/>
                </a:ext>
              </a:extLst>
            </p:cNvPr>
            <p:cNvSpPr txBox="1"/>
            <p:nvPr/>
          </p:nvSpPr>
          <p:spPr>
            <a:xfrm>
              <a:off x="3012969" y="986162"/>
              <a:ext cx="521208" cy="461665"/>
            </a:xfrm>
            <a:prstGeom prst="rect">
              <a:avLst/>
            </a:prstGeom>
            <a:solidFill>
              <a:srgbClr val="00B05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1</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87" name="TextBox 86">
              <a:extLst>
                <a:ext uri="{FF2B5EF4-FFF2-40B4-BE49-F238E27FC236}">
                  <a16:creationId xmlns:a16="http://schemas.microsoft.com/office/drawing/2014/main" id="{21EE84BB-9A90-7530-5012-A044B0EF1D4C}"/>
                </a:ext>
              </a:extLst>
            </p:cNvPr>
            <p:cNvSpPr txBox="1"/>
            <p:nvPr/>
          </p:nvSpPr>
          <p:spPr>
            <a:xfrm>
              <a:off x="4576593"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88" name="TextBox 87">
              <a:extLst>
                <a:ext uri="{FF2B5EF4-FFF2-40B4-BE49-F238E27FC236}">
                  <a16:creationId xmlns:a16="http://schemas.microsoft.com/office/drawing/2014/main" id="{F8C51BE8-6F2D-4EFE-D5D7-2BCA9787FC6F}"/>
                </a:ext>
              </a:extLst>
            </p:cNvPr>
            <p:cNvSpPr txBox="1"/>
            <p:nvPr/>
          </p:nvSpPr>
          <p:spPr>
            <a:xfrm>
              <a:off x="6139891"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89" name="TextBox 88">
              <a:extLst>
                <a:ext uri="{FF2B5EF4-FFF2-40B4-BE49-F238E27FC236}">
                  <a16:creationId xmlns:a16="http://schemas.microsoft.com/office/drawing/2014/main" id="{B1F9A856-94AB-B7F0-13FF-81A8D7BC59D4}"/>
                </a:ext>
              </a:extLst>
            </p:cNvPr>
            <p:cNvSpPr txBox="1"/>
            <p:nvPr/>
          </p:nvSpPr>
          <p:spPr>
            <a:xfrm>
              <a:off x="6661425"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0" name="TextBox 89">
              <a:extLst>
                <a:ext uri="{FF2B5EF4-FFF2-40B4-BE49-F238E27FC236}">
                  <a16:creationId xmlns:a16="http://schemas.microsoft.com/office/drawing/2014/main" id="{D4A9E6D6-457B-F403-4DD2-7A8120361456}"/>
                </a:ext>
              </a:extLst>
            </p:cNvPr>
            <p:cNvSpPr txBox="1"/>
            <p:nvPr/>
          </p:nvSpPr>
          <p:spPr>
            <a:xfrm>
              <a:off x="5097801"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1" name="TextBox 90">
              <a:extLst>
                <a:ext uri="{FF2B5EF4-FFF2-40B4-BE49-F238E27FC236}">
                  <a16:creationId xmlns:a16="http://schemas.microsoft.com/office/drawing/2014/main" id="{4807CE7F-FDF6-7302-34D1-87FCDD908BFE}"/>
                </a:ext>
              </a:extLst>
            </p:cNvPr>
            <p:cNvSpPr txBox="1"/>
            <p:nvPr/>
          </p:nvSpPr>
          <p:spPr>
            <a:xfrm>
              <a:off x="5619009"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2" name="TextBox 91">
              <a:extLst>
                <a:ext uri="{FF2B5EF4-FFF2-40B4-BE49-F238E27FC236}">
                  <a16:creationId xmlns:a16="http://schemas.microsoft.com/office/drawing/2014/main" id="{D85B2FBA-8EAB-5AF8-FB2D-D0D356FC53FC}"/>
                </a:ext>
              </a:extLst>
            </p:cNvPr>
            <p:cNvSpPr txBox="1"/>
            <p:nvPr/>
          </p:nvSpPr>
          <p:spPr>
            <a:xfrm>
              <a:off x="7182633"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3" name="TextBox 92">
              <a:extLst>
                <a:ext uri="{FF2B5EF4-FFF2-40B4-BE49-F238E27FC236}">
                  <a16:creationId xmlns:a16="http://schemas.microsoft.com/office/drawing/2014/main" id="{06119760-B930-0D5A-8865-1A241CA2666A}"/>
                </a:ext>
              </a:extLst>
            </p:cNvPr>
            <p:cNvSpPr txBox="1"/>
            <p:nvPr/>
          </p:nvSpPr>
          <p:spPr>
            <a:xfrm>
              <a:off x="8745931"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1</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4" name="TextBox 93">
              <a:extLst>
                <a:ext uri="{FF2B5EF4-FFF2-40B4-BE49-F238E27FC236}">
                  <a16:creationId xmlns:a16="http://schemas.microsoft.com/office/drawing/2014/main" id="{10FABF07-F9C9-A272-AFBD-174E3D0A48E9}"/>
                </a:ext>
              </a:extLst>
            </p:cNvPr>
            <p:cNvSpPr txBox="1"/>
            <p:nvPr/>
          </p:nvSpPr>
          <p:spPr>
            <a:xfrm>
              <a:off x="9267465"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1</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5" name="TextBox 94">
              <a:extLst>
                <a:ext uri="{FF2B5EF4-FFF2-40B4-BE49-F238E27FC236}">
                  <a16:creationId xmlns:a16="http://schemas.microsoft.com/office/drawing/2014/main" id="{27EDB512-D41D-82FB-8870-27EF3F857D30}"/>
                </a:ext>
              </a:extLst>
            </p:cNvPr>
            <p:cNvSpPr txBox="1"/>
            <p:nvPr/>
          </p:nvSpPr>
          <p:spPr>
            <a:xfrm>
              <a:off x="7703841"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6" name="TextBox 95">
              <a:extLst>
                <a:ext uri="{FF2B5EF4-FFF2-40B4-BE49-F238E27FC236}">
                  <a16:creationId xmlns:a16="http://schemas.microsoft.com/office/drawing/2014/main" id="{93508308-1F71-7F43-BD28-CE08C0378D73}"/>
                </a:ext>
              </a:extLst>
            </p:cNvPr>
            <p:cNvSpPr txBox="1"/>
            <p:nvPr/>
          </p:nvSpPr>
          <p:spPr>
            <a:xfrm>
              <a:off x="8225049"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7" name="TextBox 96">
              <a:extLst>
                <a:ext uri="{FF2B5EF4-FFF2-40B4-BE49-F238E27FC236}">
                  <a16:creationId xmlns:a16="http://schemas.microsoft.com/office/drawing/2014/main" id="{559AF44E-8482-5A9A-BD04-356CAB2DE3E3}"/>
                </a:ext>
              </a:extLst>
            </p:cNvPr>
            <p:cNvSpPr txBox="1"/>
            <p:nvPr/>
          </p:nvSpPr>
          <p:spPr>
            <a:xfrm>
              <a:off x="9788673" y="986162"/>
              <a:ext cx="521208" cy="461665"/>
            </a:xfrm>
            <a:prstGeom prst="rect">
              <a:avLst/>
            </a:prstGeom>
            <a:solidFill>
              <a:srgbClr val="0070C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1</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8" name="TextBox 97">
              <a:extLst>
                <a:ext uri="{FF2B5EF4-FFF2-40B4-BE49-F238E27FC236}">
                  <a16:creationId xmlns:a16="http://schemas.microsoft.com/office/drawing/2014/main" id="{90907374-9861-4FA6-055E-B5A9B76D204C}"/>
                </a:ext>
              </a:extLst>
            </p:cNvPr>
            <p:cNvSpPr txBox="1"/>
            <p:nvPr/>
          </p:nvSpPr>
          <p:spPr>
            <a:xfrm>
              <a:off x="1970553" y="986162"/>
              <a:ext cx="521208" cy="461665"/>
            </a:xfrm>
            <a:prstGeom prst="rect">
              <a:avLst/>
            </a:prstGeom>
            <a:solidFill>
              <a:srgbClr val="00B050"/>
            </a:solidFill>
            <a:ln>
              <a:solidFill>
                <a:sysClr val="window" lastClr="FFFFFF"/>
              </a:solid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2400" b="0" i="0" u="none" strike="noStrike" kern="0" cap="none" spc="0" normalizeH="0" baseline="0" noProof="0">
                  <a:ln>
                    <a:noFill/>
                  </a:ln>
                  <a:solidFill>
                    <a:prstClr val="white"/>
                  </a:solidFill>
                  <a:effectLst/>
                  <a:uLnTx/>
                  <a:uFillTx/>
                  <a:latin typeface="+mj-lt"/>
                  <a:ea typeface="Roboto Light" panose="02000000000000000000" pitchFamily="2" charset="0"/>
                </a:rPr>
                <a:t>0</a:t>
              </a:r>
              <a:endParaRPr kumimoji="0" lang="en-US" sz="2400" b="0" i="0" u="none" strike="noStrike" kern="0" cap="none" spc="0" normalizeH="0" baseline="0" noProof="0">
                <a:ln>
                  <a:noFill/>
                </a:ln>
                <a:solidFill>
                  <a:prstClr val="white"/>
                </a:solidFill>
                <a:effectLst/>
                <a:uLnTx/>
                <a:uFillTx/>
                <a:latin typeface="+mj-lt"/>
                <a:ea typeface="Roboto Light" panose="02000000000000000000" pitchFamily="2" charset="0"/>
              </a:endParaRPr>
            </a:p>
          </p:txBody>
        </p:sp>
        <p:sp>
          <p:nvSpPr>
            <p:cNvPr id="99" name="Left Brace 98">
              <a:extLst>
                <a:ext uri="{FF2B5EF4-FFF2-40B4-BE49-F238E27FC236}">
                  <a16:creationId xmlns:a16="http://schemas.microsoft.com/office/drawing/2014/main" id="{1241E8B0-BCC9-C546-94D9-358B255A7732}"/>
                </a:ext>
              </a:extLst>
            </p:cNvPr>
            <p:cNvSpPr/>
            <p:nvPr/>
          </p:nvSpPr>
          <p:spPr>
            <a:xfrm rot="16200000">
              <a:off x="2823539" y="875471"/>
              <a:ext cx="378534" cy="2084506"/>
            </a:xfrm>
            <a:prstGeom prst="leftBrace">
              <a:avLst>
                <a:gd name="adj1" fmla="val 49852"/>
                <a:gd name="adj2" fmla="val 50000"/>
              </a:avLst>
            </a:prstGeom>
            <a:noFill/>
            <a:ln w="19050" cap="flat" cmpd="sng" algn="ctr">
              <a:solidFill>
                <a:sysClr val="windowText" lastClr="000000"/>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b="0" i="0" u="none" strike="noStrike" kern="0" cap="none" spc="0" normalizeH="0" baseline="0" noProof="0">
                <a:ln>
                  <a:noFill/>
                </a:ln>
                <a:solidFill>
                  <a:prstClr val="black"/>
                </a:solidFill>
                <a:effectLst/>
                <a:uLnTx/>
                <a:uFillTx/>
                <a:latin typeface="+mj-lt"/>
                <a:ea typeface="+mn-ea"/>
                <a:cs typeface="+mn-cs"/>
              </a:endParaRPr>
            </a:p>
          </p:txBody>
        </p:sp>
        <p:sp>
          <p:nvSpPr>
            <p:cNvPr id="100" name="Left Brace 99">
              <a:extLst>
                <a:ext uri="{FF2B5EF4-FFF2-40B4-BE49-F238E27FC236}">
                  <a16:creationId xmlns:a16="http://schemas.microsoft.com/office/drawing/2014/main" id="{D7C3AE65-A76D-5BB4-14C0-4309245CC2AD}"/>
                </a:ext>
              </a:extLst>
            </p:cNvPr>
            <p:cNvSpPr/>
            <p:nvPr/>
          </p:nvSpPr>
          <p:spPr>
            <a:xfrm rot="16200000">
              <a:off x="6993447" y="-1209444"/>
              <a:ext cx="378534" cy="6254333"/>
            </a:xfrm>
            <a:prstGeom prst="leftBrace">
              <a:avLst>
                <a:gd name="adj1" fmla="val 49852"/>
                <a:gd name="adj2" fmla="val 50000"/>
              </a:avLst>
            </a:prstGeom>
            <a:noFill/>
            <a:ln w="19050" cap="flat" cmpd="sng" algn="ctr">
              <a:solidFill>
                <a:sysClr val="windowText" lastClr="000000"/>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b="0" i="0" u="none" strike="noStrike" kern="0" cap="none" spc="0" normalizeH="0" baseline="0" noProof="0">
                <a:ln>
                  <a:noFill/>
                </a:ln>
                <a:solidFill>
                  <a:prstClr val="black"/>
                </a:solidFill>
                <a:effectLst/>
                <a:uLnTx/>
                <a:uFillTx/>
                <a:latin typeface="+mj-lt"/>
                <a:ea typeface="+mn-ea"/>
                <a:cs typeface="+mn-cs"/>
              </a:endParaRPr>
            </a:p>
          </p:txBody>
        </p:sp>
        <p:sp>
          <p:nvSpPr>
            <p:cNvPr id="101" name="TextBox 100">
              <a:extLst>
                <a:ext uri="{FF2B5EF4-FFF2-40B4-BE49-F238E27FC236}">
                  <a16:creationId xmlns:a16="http://schemas.microsoft.com/office/drawing/2014/main" id="{5F52E1D3-8938-93F7-C873-D9A107BF0F51}"/>
                </a:ext>
              </a:extLst>
            </p:cNvPr>
            <p:cNvSpPr txBox="1"/>
            <p:nvPr/>
          </p:nvSpPr>
          <p:spPr>
            <a:xfrm>
              <a:off x="1519626" y="682016"/>
              <a:ext cx="423514" cy="338554"/>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s-MX" b="0" i="0" u="none" strike="noStrike" kern="0" cap="none" spc="0" normalizeH="0" baseline="0" noProof="0" dirty="0">
                  <a:ln>
                    <a:noFill/>
                  </a:ln>
                  <a:solidFill>
                    <a:prstClr val="black"/>
                  </a:solidFill>
                  <a:effectLst/>
                  <a:uLnTx/>
                  <a:uFillTx/>
                  <a:latin typeface="+mj-lt"/>
                  <a:ea typeface="Roboto Light" panose="02000000000000000000" pitchFamily="2" charset="0"/>
                </a:rPr>
                <a:t>Bit</a:t>
              </a:r>
              <a:endParaRPr kumimoji="0" lang="en-US" b="0" i="0" u="none" strike="noStrike" kern="0" cap="none" spc="0" normalizeH="0" baseline="0" noProof="0" dirty="0">
                <a:ln>
                  <a:noFill/>
                </a:ln>
                <a:solidFill>
                  <a:prstClr val="black"/>
                </a:solidFill>
                <a:effectLst/>
                <a:uLnTx/>
                <a:uFillTx/>
                <a:latin typeface="+mj-lt"/>
                <a:ea typeface="Roboto Light" panose="02000000000000000000" pitchFamily="2" charset="0"/>
              </a:endParaRPr>
            </a:p>
          </p:txBody>
        </p:sp>
        <p:sp>
          <p:nvSpPr>
            <p:cNvPr id="102" name="TextBox 101">
              <a:extLst>
                <a:ext uri="{FF2B5EF4-FFF2-40B4-BE49-F238E27FC236}">
                  <a16:creationId xmlns:a16="http://schemas.microsoft.com/office/drawing/2014/main" id="{3C9DC71C-AF63-2EC2-C5ED-362FE1E5E745}"/>
                </a:ext>
              </a:extLst>
            </p:cNvPr>
            <p:cNvSpPr txBox="1"/>
            <p:nvPr/>
          </p:nvSpPr>
          <p:spPr>
            <a:xfrm>
              <a:off x="3533851"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dirty="0">
                  <a:ln>
                    <a:noFill/>
                  </a:ln>
                  <a:solidFill>
                    <a:prstClr val="black"/>
                  </a:solidFill>
                  <a:effectLst/>
                  <a:uLnTx/>
                  <a:uFillTx/>
                  <a:latin typeface="+mj-lt"/>
                  <a:ea typeface="Roboto Light" panose="02000000000000000000" pitchFamily="2" charset="0"/>
                </a:rPr>
                <a:t>12</a:t>
              </a:r>
              <a:endParaRPr kumimoji="0" lang="en-US" sz="1400" b="0" i="0" u="none" strike="noStrike" kern="0" cap="none" spc="0" normalizeH="0" baseline="0" noProof="0" dirty="0">
                <a:ln>
                  <a:noFill/>
                </a:ln>
                <a:solidFill>
                  <a:prstClr val="black"/>
                </a:solidFill>
                <a:effectLst/>
                <a:uLnTx/>
                <a:uFillTx/>
                <a:latin typeface="+mj-lt"/>
                <a:ea typeface="Roboto Light" panose="02000000000000000000" pitchFamily="2" charset="0"/>
              </a:endParaRPr>
            </a:p>
          </p:txBody>
        </p:sp>
        <p:sp>
          <p:nvSpPr>
            <p:cNvPr id="103" name="TextBox 102">
              <a:extLst>
                <a:ext uri="{FF2B5EF4-FFF2-40B4-BE49-F238E27FC236}">
                  <a16:creationId xmlns:a16="http://schemas.microsoft.com/office/drawing/2014/main" id="{FAF434B1-B656-A48C-E543-7EA9E53B3596}"/>
                </a:ext>
              </a:extLst>
            </p:cNvPr>
            <p:cNvSpPr txBox="1"/>
            <p:nvPr/>
          </p:nvSpPr>
          <p:spPr>
            <a:xfrm>
              <a:off x="4055385"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11</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04" name="TextBox 103">
              <a:extLst>
                <a:ext uri="{FF2B5EF4-FFF2-40B4-BE49-F238E27FC236}">
                  <a16:creationId xmlns:a16="http://schemas.microsoft.com/office/drawing/2014/main" id="{BB0F4ADE-EBEF-A26B-A27C-C991F717FD6B}"/>
                </a:ext>
              </a:extLst>
            </p:cNvPr>
            <p:cNvSpPr txBox="1"/>
            <p:nvPr/>
          </p:nvSpPr>
          <p:spPr>
            <a:xfrm>
              <a:off x="2491761"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14</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05" name="TextBox 104">
              <a:extLst>
                <a:ext uri="{FF2B5EF4-FFF2-40B4-BE49-F238E27FC236}">
                  <a16:creationId xmlns:a16="http://schemas.microsoft.com/office/drawing/2014/main" id="{78555C14-027C-7B3B-58CC-70A026215526}"/>
                </a:ext>
              </a:extLst>
            </p:cNvPr>
            <p:cNvSpPr txBox="1"/>
            <p:nvPr/>
          </p:nvSpPr>
          <p:spPr>
            <a:xfrm>
              <a:off x="3012969"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13</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06" name="TextBox 105">
              <a:extLst>
                <a:ext uri="{FF2B5EF4-FFF2-40B4-BE49-F238E27FC236}">
                  <a16:creationId xmlns:a16="http://schemas.microsoft.com/office/drawing/2014/main" id="{2FA5A07D-A43D-34F4-C81F-8EEC19BB4BEA}"/>
                </a:ext>
              </a:extLst>
            </p:cNvPr>
            <p:cNvSpPr txBox="1"/>
            <p:nvPr/>
          </p:nvSpPr>
          <p:spPr>
            <a:xfrm>
              <a:off x="4576593"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10</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07" name="TextBox 106">
              <a:extLst>
                <a:ext uri="{FF2B5EF4-FFF2-40B4-BE49-F238E27FC236}">
                  <a16:creationId xmlns:a16="http://schemas.microsoft.com/office/drawing/2014/main" id="{A7A4FC1B-C88E-78AB-B267-3A543532DD32}"/>
                </a:ext>
              </a:extLst>
            </p:cNvPr>
            <p:cNvSpPr txBox="1"/>
            <p:nvPr/>
          </p:nvSpPr>
          <p:spPr>
            <a:xfrm>
              <a:off x="6139891"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7</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08" name="TextBox 107">
              <a:extLst>
                <a:ext uri="{FF2B5EF4-FFF2-40B4-BE49-F238E27FC236}">
                  <a16:creationId xmlns:a16="http://schemas.microsoft.com/office/drawing/2014/main" id="{42CB23D5-9AF7-82E7-B078-67CE6113CFD2}"/>
                </a:ext>
              </a:extLst>
            </p:cNvPr>
            <p:cNvSpPr txBox="1"/>
            <p:nvPr/>
          </p:nvSpPr>
          <p:spPr>
            <a:xfrm>
              <a:off x="6661425"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6</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09" name="TextBox 108">
              <a:extLst>
                <a:ext uri="{FF2B5EF4-FFF2-40B4-BE49-F238E27FC236}">
                  <a16:creationId xmlns:a16="http://schemas.microsoft.com/office/drawing/2014/main" id="{E5D7196D-AE31-1C69-14D5-A9B1455E5C65}"/>
                </a:ext>
              </a:extLst>
            </p:cNvPr>
            <p:cNvSpPr txBox="1"/>
            <p:nvPr/>
          </p:nvSpPr>
          <p:spPr>
            <a:xfrm>
              <a:off x="5097801"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9</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10" name="TextBox 109">
              <a:extLst>
                <a:ext uri="{FF2B5EF4-FFF2-40B4-BE49-F238E27FC236}">
                  <a16:creationId xmlns:a16="http://schemas.microsoft.com/office/drawing/2014/main" id="{108DF43B-06BC-5FC5-7CB1-AE9B8B4798D5}"/>
                </a:ext>
              </a:extLst>
            </p:cNvPr>
            <p:cNvSpPr txBox="1"/>
            <p:nvPr/>
          </p:nvSpPr>
          <p:spPr>
            <a:xfrm>
              <a:off x="5619009"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8</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11" name="TextBox 110">
              <a:extLst>
                <a:ext uri="{FF2B5EF4-FFF2-40B4-BE49-F238E27FC236}">
                  <a16:creationId xmlns:a16="http://schemas.microsoft.com/office/drawing/2014/main" id="{54D7E5BE-0311-A5FA-7006-7A1D08912854}"/>
                </a:ext>
              </a:extLst>
            </p:cNvPr>
            <p:cNvSpPr txBox="1"/>
            <p:nvPr/>
          </p:nvSpPr>
          <p:spPr>
            <a:xfrm>
              <a:off x="7182633"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5</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12" name="TextBox 111">
              <a:extLst>
                <a:ext uri="{FF2B5EF4-FFF2-40B4-BE49-F238E27FC236}">
                  <a16:creationId xmlns:a16="http://schemas.microsoft.com/office/drawing/2014/main" id="{4DF9CF78-6351-9186-24A3-AFBB3C0E249B}"/>
                </a:ext>
              </a:extLst>
            </p:cNvPr>
            <p:cNvSpPr txBox="1"/>
            <p:nvPr/>
          </p:nvSpPr>
          <p:spPr>
            <a:xfrm>
              <a:off x="8745931"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2</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13" name="TextBox 112">
              <a:extLst>
                <a:ext uri="{FF2B5EF4-FFF2-40B4-BE49-F238E27FC236}">
                  <a16:creationId xmlns:a16="http://schemas.microsoft.com/office/drawing/2014/main" id="{D7F738E7-F6D1-3040-7312-B2ECA16243C1}"/>
                </a:ext>
              </a:extLst>
            </p:cNvPr>
            <p:cNvSpPr txBox="1"/>
            <p:nvPr/>
          </p:nvSpPr>
          <p:spPr>
            <a:xfrm>
              <a:off x="9267465"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dirty="0">
                  <a:ln>
                    <a:noFill/>
                  </a:ln>
                  <a:solidFill>
                    <a:prstClr val="black"/>
                  </a:solidFill>
                  <a:effectLst/>
                  <a:uLnTx/>
                  <a:uFillTx/>
                  <a:latin typeface="+mj-lt"/>
                  <a:ea typeface="Roboto Light" panose="02000000000000000000" pitchFamily="2" charset="0"/>
                </a:rPr>
                <a:t>1</a:t>
              </a:r>
              <a:endParaRPr kumimoji="0" lang="en-US" sz="1400" b="0" i="0" u="none" strike="noStrike" kern="0" cap="none" spc="0" normalizeH="0" baseline="0" noProof="0" dirty="0">
                <a:ln>
                  <a:noFill/>
                </a:ln>
                <a:solidFill>
                  <a:prstClr val="black"/>
                </a:solidFill>
                <a:effectLst/>
                <a:uLnTx/>
                <a:uFillTx/>
                <a:latin typeface="+mj-lt"/>
                <a:ea typeface="Roboto Light" panose="02000000000000000000" pitchFamily="2" charset="0"/>
              </a:endParaRPr>
            </a:p>
          </p:txBody>
        </p:sp>
        <p:sp>
          <p:nvSpPr>
            <p:cNvPr id="114" name="TextBox 113">
              <a:extLst>
                <a:ext uri="{FF2B5EF4-FFF2-40B4-BE49-F238E27FC236}">
                  <a16:creationId xmlns:a16="http://schemas.microsoft.com/office/drawing/2014/main" id="{C914C953-EDE6-FDFB-BF4F-A8940EC6C091}"/>
                </a:ext>
              </a:extLst>
            </p:cNvPr>
            <p:cNvSpPr txBox="1"/>
            <p:nvPr/>
          </p:nvSpPr>
          <p:spPr>
            <a:xfrm>
              <a:off x="7703841"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4</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15" name="TextBox 114">
              <a:extLst>
                <a:ext uri="{FF2B5EF4-FFF2-40B4-BE49-F238E27FC236}">
                  <a16:creationId xmlns:a16="http://schemas.microsoft.com/office/drawing/2014/main" id="{72801815-4CBA-7519-9B86-E7BA130302A1}"/>
                </a:ext>
              </a:extLst>
            </p:cNvPr>
            <p:cNvSpPr txBox="1"/>
            <p:nvPr/>
          </p:nvSpPr>
          <p:spPr>
            <a:xfrm>
              <a:off x="8225049"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3</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16" name="TextBox 115">
              <a:extLst>
                <a:ext uri="{FF2B5EF4-FFF2-40B4-BE49-F238E27FC236}">
                  <a16:creationId xmlns:a16="http://schemas.microsoft.com/office/drawing/2014/main" id="{D653B954-0DA1-1C2A-A7EF-C187A811E31D}"/>
                </a:ext>
              </a:extLst>
            </p:cNvPr>
            <p:cNvSpPr txBox="1"/>
            <p:nvPr/>
          </p:nvSpPr>
          <p:spPr>
            <a:xfrm>
              <a:off x="9788673"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a:ln>
                    <a:noFill/>
                  </a:ln>
                  <a:solidFill>
                    <a:prstClr val="black"/>
                  </a:solidFill>
                  <a:effectLst/>
                  <a:uLnTx/>
                  <a:uFillTx/>
                  <a:latin typeface="+mj-lt"/>
                  <a:ea typeface="Roboto Light" panose="02000000000000000000" pitchFamily="2" charset="0"/>
                </a:rPr>
                <a:t>0</a:t>
              </a:r>
              <a:endParaRPr kumimoji="0" lang="en-US" sz="1400" b="0" i="0" u="none" strike="noStrike" kern="0" cap="none" spc="0" normalizeH="0" baseline="0" noProof="0">
                <a:ln>
                  <a:noFill/>
                </a:ln>
                <a:solidFill>
                  <a:prstClr val="black"/>
                </a:solidFill>
                <a:effectLst/>
                <a:uLnTx/>
                <a:uFillTx/>
                <a:latin typeface="+mj-lt"/>
                <a:ea typeface="Roboto Light" panose="02000000000000000000" pitchFamily="2" charset="0"/>
              </a:endParaRPr>
            </a:p>
          </p:txBody>
        </p:sp>
        <p:sp>
          <p:nvSpPr>
            <p:cNvPr id="117" name="TextBox 116">
              <a:extLst>
                <a:ext uri="{FF2B5EF4-FFF2-40B4-BE49-F238E27FC236}">
                  <a16:creationId xmlns:a16="http://schemas.microsoft.com/office/drawing/2014/main" id="{A50E729D-4749-3342-2F2A-41CEC85B26B7}"/>
                </a:ext>
              </a:extLst>
            </p:cNvPr>
            <p:cNvSpPr txBox="1"/>
            <p:nvPr/>
          </p:nvSpPr>
          <p:spPr>
            <a:xfrm>
              <a:off x="1970553" y="682016"/>
              <a:ext cx="521208" cy="307777"/>
            </a:xfrm>
            <a:prstGeom prst="rect">
              <a:avLst/>
            </a:prstGeom>
            <a:noFill/>
            <a:ln>
              <a:noFill/>
            </a:ln>
          </p:spPr>
          <p:txBody>
            <a:bodyPr wrap="square" rtlCol="0">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s-MX" sz="1400" b="0" i="0" u="none" strike="noStrike" kern="0" cap="none" spc="0" normalizeH="0" baseline="0" noProof="0" dirty="0">
                  <a:ln>
                    <a:noFill/>
                  </a:ln>
                  <a:solidFill>
                    <a:prstClr val="black"/>
                  </a:solidFill>
                  <a:effectLst/>
                  <a:uLnTx/>
                  <a:uFillTx/>
                  <a:latin typeface="+mj-lt"/>
                  <a:ea typeface="Roboto Light" panose="02000000000000000000" pitchFamily="2" charset="0"/>
                </a:rPr>
                <a:t>15</a:t>
              </a:r>
              <a:endParaRPr kumimoji="0" lang="en-US" sz="1400" b="0" i="0" u="none" strike="noStrike" kern="0" cap="none" spc="0" normalizeH="0" baseline="0" noProof="0" dirty="0">
                <a:ln>
                  <a:noFill/>
                </a:ln>
                <a:solidFill>
                  <a:prstClr val="black"/>
                </a:solidFill>
                <a:effectLst/>
                <a:uLnTx/>
                <a:uFillTx/>
                <a:latin typeface="+mj-lt"/>
                <a:ea typeface="Roboto Light" panose="02000000000000000000" pitchFamily="2" charset="0"/>
              </a:endParaRPr>
            </a:p>
          </p:txBody>
        </p:sp>
        <p:sp>
          <p:nvSpPr>
            <p:cNvPr id="118" name="TextBox 117">
              <a:extLst>
                <a:ext uri="{FF2B5EF4-FFF2-40B4-BE49-F238E27FC236}">
                  <a16:creationId xmlns:a16="http://schemas.microsoft.com/office/drawing/2014/main" id="{D38D1DFD-6ADB-E3D7-0336-14E86CBB52CB}"/>
                </a:ext>
              </a:extLst>
            </p:cNvPr>
            <p:cNvSpPr txBox="1"/>
            <p:nvPr/>
          </p:nvSpPr>
          <p:spPr>
            <a:xfrm>
              <a:off x="2561400" y="2182945"/>
              <a:ext cx="902811" cy="338554"/>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b="0" i="0" u="none" strike="noStrike" kern="0" cap="none" spc="0" normalizeH="0" baseline="0">
                  <a:ln>
                    <a:noFill/>
                  </a:ln>
                  <a:solidFill>
                    <a:prstClr val="black"/>
                  </a:solidFill>
                  <a:effectLst/>
                  <a:uLnTx/>
                  <a:uFillTx/>
                  <a:latin typeface="+mj-lt"/>
                  <a:ea typeface="Roboto Light" panose="02000000000000000000" pitchFamily="2" charset="0"/>
                </a:rPr>
                <a:t>Opcode</a:t>
              </a:r>
            </a:p>
          </p:txBody>
        </p:sp>
        <p:sp>
          <p:nvSpPr>
            <p:cNvPr id="119" name="TextBox 118">
              <a:extLst>
                <a:ext uri="{FF2B5EF4-FFF2-40B4-BE49-F238E27FC236}">
                  <a16:creationId xmlns:a16="http://schemas.microsoft.com/office/drawing/2014/main" id="{4C3E9782-092D-1FB1-7AB0-1F2185998B42}"/>
                </a:ext>
              </a:extLst>
            </p:cNvPr>
            <p:cNvSpPr txBox="1"/>
            <p:nvPr/>
          </p:nvSpPr>
          <p:spPr>
            <a:xfrm>
              <a:off x="6053157" y="2182945"/>
              <a:ext cx="2258952" cy="338554"/>
            </a:xfrm>
            <a:prstGeom prst="rect">
              <a:avLst/>
            </a:prstGeom>
            <a:noFill/>
          </p:spPr>
          <p:txBody>
            <a:bodyPr wrap="none" rtlCol="0">
              <a:sp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s-MX" b="0" i="0" u="none" strike="noStrike" kern="0" cap="none" spc="0" normalizeH="0" baseline="0" noProof="0" dirty="0">
                  <a:ln>
                    <a:noFill/>
                  </a:ln>
                  <a:solidFill>
                    <a:prstClr val="black"/>
                  </a:solidFill>
                  <a:effectLst/>
                  <a:uLnTx/>
                  <a:uFillTx/>
                  <a:latin typeface="+mj-lt"/>
                  <a:ea typeface="Roboto Light" panose="02000000000000000000" pitchFamily="2" charset="0"/>
                </a:rPr>
                <a:t>Literal/</a:t>
              </a:r>
              <a:r>
                <a:rPr kumimoji="0" lang="en-US" b="0" i="0" u="none" strike="noStrike" kern="0" cap="none" spc="0" normalizeH="0" baseline="0" dirty="0">
                  <a:ln>
                    <a:noFill/>
                  </a:ln>
                  <a:solidFill>
                    <a:prstClr val="black"/>
                  </a:solidFill>
                  <a:effectLst/>
                  <a:uLnTx/>
                  <a:uFillTx/>
                  <a:latin typeface="+mj-lt"/>
                  <a:ea typeface="Roboto Light" panose="02000000000000000000" pitchFamily="2" charset="0"/>
                </a:rPr>
                <a:t>Address</a:t>
              </a:r>
              <a:r>
                <a:rPr kumimoji="0" lang="es-MX" b="0" i="0" u="none" strike="noStrike" kern="0" cap="none" spc="0" normalizeH="0" baseline="0" noProof="0" dirty="0">
                  <a:ln>
                    <a:noFill/>
                  </a:ln>
                  <a:solidFill>
                    <a:prstClr val="black"/>
                  </a:solidFill>
                  <a:effectLst/>
                  <a:uLnTx/>
                  <a:uFillTx/>
                  <a:latin typeface="+mj-lt"/>
                  <a:ea typeface="Roboto Light" panose="02000000000000000000" pitchFamily="2" charset="0"/>
                </a:rPr>
                <a:t>/Pointer</a:t>
              </a:r>
              <a:endParaRPr kumimoji="0" lang="en-US" b="0" i="0" u="none" strike="noStrike" kern="0" cap="none" spc="0" normalizeH="0" baseline="0" noProof="0" dirty="0">
                <a:ln>
                  <a:noFill/>
                </a:ln>
                <a:solidFill>
                  <a:prstClr val="black"/>
                </a:solidFill>
                <a:effectLst/>
                <a:uLnTx/>
                <a:uFillTx/>
                <a:latin typeface="+mj-lt"/>
                <a:ea typeface="Roboto Light" panose="02000000000000000000" pitchFamily="2" charset="0"/>
              </a:endParaRPr>
            </a:p>
          </p:txBody>
        </p:sp>
      </p:grpSp>
    </p:spTree>
    <p:extLst>
      <p:ext uri="{BB962C8B-B14F-4D97-AF65-F5344CB8AC3E}">
        <p14:creationId xmlns:p14="http://schemas.microsoft.com/office/powerpoint/2010/main" val="173837854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FB5D724-7A69-F201-D7A3-2751D2E6CEC0}"/>
              </a:ext>
            </a:extLst>
          </p:cNvPr>
          <p:cNvSpPr>
            <a:spLocks noGrp="1"/>
          </p:cNvSpPr>
          <p:nvPr>
            <p:ph type="ctrTitle"/>
          </p:nvPr>
        </p:nvSpPr>
        <p:spPr/>
        <p:txBody>
          <a:bodyPr/>
          <a:lstStyle/>
          <a:p>
            <a:r>
              <a:rPr lang="en-US"/>
              <a:t>Configuration Bits</a:t>
            </a:r>
            <a:endParaRPr lang="en-US" dirty="0"/>
          </a:p>
        </p:txBody>
      </p:sp>
      <p:sp>
        <p:nvSpPr>
          <p:cNvPr id="3" name="Subtitle 2">
            <a:extLst>
              <a:ext uri="{FF2B5EF4-FFF2-40B4-BE49-F238E27FC236}">
                <a16:creationId xmlns:a16="http://schemas.microsoft.com/office/drawing/2014/main" id="{842DB822-089B-CD2E-DD66-1D551B373CE8}"/>
              </a:ext>
            </a:extLst>
          </p:cNvPr>
          <p:cNvSpPr>
            <a:spLocks noGrp="1"/>
          </p:cNvSpPr>
          <p:nvPr>
            <p:ph type="subTitle" idx="1"/>
          </p:nvPr>
        </p:nvSpPr>
        <p:spPr/>
        <p:txBody>
          <a:bodyPr/>
          <a:lstStyle/>
          <a:p>
            <a:r>
              <a:rPr lang="es-MX" dirty="0" err="1"/>
              <a:t>TE2015</a:t>
            </a:r>
            <a:r>
              <a:rPr lang="es-MX" dirty="0"/>
              <a:t> Microcontroladores</a:t>
            </a:r>
            <a:endParaRPr lang="en-US" dirty="0"/>
          </a:p>
        </p:txBody>
      </p:sp>
      <p:sp>
        <p:nvSpPr>
          <p:cNvPr id="4" name="Slide Number Placeholder 3">
            <a:extLst>
              <a:ext uri="{FF2B5EF4-FFF2-40B4-BE49-F238E27FC236}">
                <a16:creationId xmlns:a16="http://schemas.microsoft.com/office/drawing/2014/main" id="{017D03C7-F44A-0486-F42D-CA1C5D425594}"/>
              </a:ext>
            </a:extLst>
          </p:cNvPr>
          <p:cNvSpPr>
            <a:spLocks noGrp="1"/>
          </p:cNvSpPr>
          <p:nvPr>
            <p:ph type="sldNum" sz="quarter" idx="17"/>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399121520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heme/theme1.xml><?xml version="1.0" encoding="utf-8"?>
<a:theme xmlns:a="http://schemas.openxmlformats.org/drawingml/2006/main" name="Blank">
  <a:themeElements>
    <a:clrScheme name="Custom 2">
      <a:dk1>
        <a:srgbClr val="FFFFFF"/>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Presentation1" id="{0EE84079-2462-4EEC-A6F7-CC22978017B5}" vid="{4EB994BA-1AC7-43B1-ABCF-ABAC6896A405}"/>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2.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05DC2B94-7C1B-4C14-83B0-9CD2A82C27E0}">
  <ds:schemaRefs/>
</ds:datastoreItem>
</file>

<file path=customXml/itemProps3.xml><?xml version="1.0" encoding="utf-8"?>
<ds:datastoreItem xmlns:ds="http://schemas.openxmlformats.org/officeDocument/2006/customXml" ds:itemID="{E5957E33-0059-46CE-AE7B-582F67E40B53}">
  <ds:schemaRefs/>
</ds:datastoreItem>
</file>

<file path=customXml/itemProps4.xml><?xml version="1.0" encoding="utf-8"?>
<ds:datastoreItem xmlns:ds="http://schemas.openxmlformats.org/officeDocument/2006/customXml" ds:itemID="{8660AB89-308F-4A34-B01B-CC1A9333F1B1}">
  <ds:schemaRefs/>
</ds:datastoreItem>
</file>

<file path=customXml/itemProps5.xml><?xml version="1.0" encoding="utf-8"?>
<ds:datastoreItem xmlns:ds="http://schemas.openxmlformats.org/officeDocument/2006/customXml" ds:itemID="{11FAAC39-0A3A-4CC2-A9C1-60940B78AE17}">
  <ds:schemaRefs/>
</ds:datastoreItem>
</file>

<file path=customXml/itemProps6.xml><?xml version="1.0" encoding="utf-8"?>
<ds:datastoreItem xmlns:ds="http://schemas.openxmlformats.org/officeDocument/2006/customXml" ds:itemID="{56C8BFB2-A911-4310-9D4A-421D773FAFA6}">
  <ds:schemaRefs/>
</ds:datastoreItem>
</file>

<file path=docProps/app.xml><?xml version="1.0" encoding="utf-8"?>
<Properties xmlns="http://schemas.openxmlformats.org/officeDocument/2006/extended-properties" xmlns:vt="http://schemas.openxmlformats.org/officeDocument/2006/docPropsVTypes">
  <Template>TEC</Template>
  <TotalTime>1177</TotalTime>
  <Words>455</Words>
  <Application>Microsoft Office PowerPoint</Application>
  <PresentationFormat>Custom</PresentationFormat>
  <Paragraphs>102</Paragraphs>
  <Slides>14</Slides>
  <Notes>1</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14</vt:i4>
      </vt:variant>
    </vt:vector>
  </HeadingPairs>
  <TitlesOfParts>
    <vt:vector size="17" baseType="lpstr">
      <vt:lpstr>Arial</vt:lpstr>
      <vt:lpstr>Verdana</vt:lpstr>
      <vt:lpstr>Blank</vt:lpstr>
      <vt:lpstr>PowerPoint Presentation</vt:lpstr>
      <vt:lpstr>Memory Organization of PIC18</vt:lpstr>
      <vt:lpstr>Data Memory and Program Memory</vt:lpstr>
      <vt:lpstr>PIC18 MEMORY ORGANIZATION</vt:lpstr>
      <vt:lpstr>Addressing Modes</vt:lpstr>
      <vt:lpstr>ADDRESSING MODES</vt:lpstr>
      <vt:lpstr>DIRECT AND INDIRECT ADDRESSING</vt:lpstr>
      <vt:lpstr>PowerPoint Presentation</vt:lpstr>
      <vt:lpstr>Configuration Bits</vt:lpstr>
      <vt:lpstr>CONFIGURATION BITS</vt:lpstr>
      <vt:lpstr>CONFIGURATION BITS</vt:lpstr>
      <vt:lpstr>CONFIGURATION BITS</vt:lpstr>
      <vt:lpstr>CONFIGURATION BITS</vt:lpstr>
      <vt:lpstr>CONFIGURATION BITS</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atias Vázquez Piñón</dc:creator>
  <cp:lastModifiedBy>Matias Vázquez Piñón</cp:lastModifiedBy>
  <cp:revision>1</cp:revision>
  <dcterms:created xsi:type="dcterms:W3CDTF">2022-08-15T09:50:29Z</dcterms:created>
  <dcterms:modified xsi:type="dcterms:W3CDTF">2022-08-31T14:39:1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